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2025\s1369\02_感染症対策連携グループ\02_個別業務\08_その他感染症\08_集団発生報告\101_報告のweb化\07_医療機関集団発生web化\07_通知起案\"/>
    </mc:Choice>
  </mc:AlternateContent>
  <bookViews>
    <workbookView xWindow="9870" yWindow="60" windowWidth="10620" windowHeight="7890" tabRatio="844"/>
  </bookViews>
  <sheets>
    <sheet name="参考様式１　感染性胃腸炎" sheetId="33" r:id="rId1"/>
    <sheet name="参考様式２　発熱・呼吸器疾患" sheetId="34" r:id="rId2"/>
  </sheets>
  <definedNames>
    <definedName name="_xlnm.Print_Area" localSheetId="0">'参考様式１　感染性胃腸炎'!$A$1:$Y$65</definedName>
    <definedName name="_xlnm.Print_Area" localSheetId="1">'参考様式２　発熱・呼吸器疾患'!$A$1:$Y$65</definedName>
  </definedNames>
  <calcPr calcId="162913"/>
</workbook>
</file>

<file path=xl/sharedStrings.xml><?xml version="1.0" encoding="utf-8"?>
<sst xmlns="http://schemas.openxmlformats.org/spreadsheetml/2006/main" count="152" uniqueCount="23">
  <si>
    <t>年齢</t>
    <rPh sb="0" eb="2">
      <t>ネンレイ</t>
    </rPh>
    <phoneticPr fontId="2"/>
  </si>
  <si>
    <t>性別</t>
    <rPh sb="0" eb="2">
      <t>セイベツ</t>
    </rPh>
    <phoneticPr fontId="2"/>
  </si>
  <si>
    <t>検査結果</t>
    <rPh sb="0" eb="2">
      <t>ケンサ</t>
    </rPh>
    <rPh sb="2" eb="4">
      <t>ケッカ</t>
    </rPh>
    <phoneticPr fontId="2"/>
  </si>
  <si>
    <t>氏名</t>
    <rPh sb="0" eb="2">
      <t>シメイ</t>
    </rPh>
    <phoneticPr fontId="2"/>
  </si>
  <si>
    <t>発症日</t>
    <rPh sb="0" eb="2">
      <t>ハッショウ</t>
    </rPh>
    <rPh sb="2" eb="3">
      <t>ビ</t>
    </rPh>
    <phoneticPr fontId="2"/>
  </si>
  <si>
    <t>その他</t>
    <rPh sb="2" eb="3">
      <t>タ</t>
    </rPh>
    <phoneticPr fontId="2"/>
  </si>
  <si>
    <t>呼吸器症状</t>
    <rPh sb="0" eb="3">
      <t>コキュウキ</t>
    </rPh>
    <rPh sb="3" eb="5">
      <t>ショウジョウ</t>
    </rPh>
    <phoneticPr fontId="2"/>
  </si>
  <si>
    <t>検査診断</t>
    <rPh sb="0" eb="2">
      <t>ケンサ</t>
    </rPh>
    <rPh sb="2" eb="4">
      <t>シンダン</t>
    </rPh>
    <phoneticPr fontId="2"/>
  </si>
  <si>
    <t>投薬</t>
    <rPh sb="0" eb="2">
      <t>トウヤク</t>
    </rPh>
    <phoneticPr fontId="2"/>
  </si>
  <si>
    <t>発熱</t>
    <rPh sb="0" eb="2">
      <t>ハツネツ</t>
    </rPh>
    <phoneticPr fontId="2"/>
  </si>
  <si>
    <t>下痢</t>
    <rPh sb="0" eb="2">
      <t>ゲリ</t>
    </rPh>
    <phoneticPr fontId="2"/>
  </si>
  <si>
    <t>嘔吐</t>
    <rPh sb="0" eb="2">
      <t>オウト</t>
    </rPh>
    <phoneticPr fontId="2"/>
  </si>
  <si>
    <t>感染性胃腸炎　発症経過表</t>
    <rPh sb="0" eb="3">
      <t>カンセンセイ</t>
    </rPh>
    <rPh sb="3" eb="5">
      <t>イチョウ</t>
    </rPh>
    <rPh sb="5" eb="6">
      <t>エン</t>
    </rPh>
    <rPh sb="7" eb="9">
      <t>ハッショウ</t>
    </rPh>
    <rPh sb="9" eb="11">
      <t>ケイカ</t>
    </rPh>
    <rPh sb="11" eb="12">
      <t>ヒョウ</t>
    </rPh>
    <phoneticPr fontId="2"/>
  </si>
  <si>
    <t>番号</t>
    <rPh sb="0" eb="2">
      <t>バンゴウ</t>
    </rPh>
    <phoneticPr fontId="2"/>
  </si>
  <si>
    <t>部屋番号</t>
    <rPh sb="0" eb="2">
      <t>ヘヤ</t>
    </rPh>
    <rPh sb="2" eb="4">
      <t>バンゴウ</t>
    </rPh>
    <phoneticPr fontId="2"/>
  </si>
  <si>
    <t>基礎疾患</t>
    <rPh sb="0" eb="2">
      <t>キソ</t>
    </rPh>
    <rPh sb="2" eb="4">
      <t>シッカン</t>
    </rPh>
    <phoneticPr fontId="2"/>
  </si>
  <si>
    <t>月日</t>
    <rPh sb="0" eb="2">
      <t>ツキヒ</t>
    </rPh>
    <phoneticPr fontId="2"/>
  </si>
  <si>
    <t>要介護度</t>
    <rPh sb="0" eb="3">
      <t>ヨウカイゴ</t>
    </rPh>
    <rPh sb="3" eb="4">
      <t>ド</t>
    </rPh>
    <phoneticPr fontId="2"/>
  </si>
  <si>
    <t>(時間帯)</t>
    <rPh sb="1" eb="4">
      <t>ジカンタイ</t>
    </rPh>
    <phoneticPr fontId="2"/>
  </si>
  <si>
    <t>採取日</t>
    <rPh sb="0" eb="2">
      <t>サイシュ</t>
    </rPh>
    <rPh sb="2" eb="3">
      <t>ヒ</t>
    </rPh>
    <phoneticPr fontId="2"/>
  </si>
  <si>
    <t>曜日</t>
    <rPh sb="0" eb="2">
      <t>ヨウビ</t>
    </rPh>
    <phoneticPr fontId="2"/>
  </si>
  <si>
    <t>受診／治療</t>
    <rPh sb="0" eb="2">
      <t>ジュシン</t>
    </rPh>
    <rPh sb="3" eb="5">
      <t>チリョウ</t>
    </rPh>
    <phoneticPr fontId="2"/>
  </si>
  <si>
    <t>発熱・呼吸器疾患　発症経過表</t>
    <rPh sb="0" eb="2">
      <t>ハツネツ</t>
    </rPh>
    <rPh sb="3" eb="6">
      <t>コキュウキ</t>
    </rPh>
    <rPh sb="6" eb="8">
      <t>シッカン</t>
    </rPh>
    <rPh sb="9" eb="11">
      <t>ハッショウ</t>
    </rPh>
    <rPh sb="11" eb="13">
      <t>ケイカ</t>
    </rPh>
    <rPh sb="13" eb="14">
      <t>ヒョ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3">
    <font>
      <sz val="11"/>
      <color theme="1"/>
      <name val="ＭＳ Ｐゴシック"/>
      <family val="2"/>
      <charset val="128"/>
      <scheme val="minor"/>
    </font>
    <font>
      <sz val="12"/>
      <color theme="1"/>
      <name val="ＭＳ 明朝"/>
      <family val="2"/>
      <charset val="128"/>
    </font>
    <font>
      <sz val="6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sz val="10"/>
      <color theme="1"/>
      <name val="ＭＳ Ｐゴシック"/>
      <family val="3"/>
      <charset val="128"/>
      <scheme val="minor"/>
    </font>
    <font>
      <sz val="11"/>
      <name val="ＭＳ Ｐゴシック"/>
      <family val="3"/>
      <charset val="128"/>
    </font>
    <font>
      <sz val="10"/>
      <name val="ＭＳ ゴシック"/>
      <family val="3"/>
      <charset val="128"/>
    </font>
    <font>
      <sz val="9"/>
      <name val="ＭＳ ゴシック"/>
      <family val="3"/>
      <charset val="128"/>
    </font>
    <font>
      <sz val="12"/>
      <name val="ＭＳ 明朝"/>
      <family val="1"/>
      <charset val="128"/>
    </font>
    <font>
      <sz val="10"/>
      <color theme="1"/>
      <name val="ＭＳ Ｐゴシック"/>
      <family val="2"/>
      <charset val="128"/>
      <scheme val="minor"/>
    </font>
    <font>
      <sz val="11"/>
      <name val="明朝"/>
      <family val="1"/>
      <charset val="128"/>
    </font>
    <font>
      <sz val="11"/>
      <color theme="1"/>
      <name val="ＭＳ Ｐゴシック"/>
      <family val="2"/>
      <scheme val="minor"/>
    </font>
  </fonts>
  <fills count="2">
    <fill>
      <patternFill patternType="none"/>
    </fill>
    <fill>
      <patternFill patternType="gray125"/>
    </fill>
  </fills>
  <borders count="22">
    <border>
      <left/>
      <right/>
      <top/>
      <bottom/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medium">
        <color auto="1"/>
      </left>
      <right style="hair">
        <color auto="1"/>
      </right>
      <top style="medium">
        <color auto="1"/>
      </top>
      <bottom/>
      <diagonal/>
    </border>
    <border>
      <left style="hair">
        <color auto="1"/>
      </left>
      <right style="hair">
        <color auto="1"/>
      </right>
      <top style="medium">
        <color auto="1"/>
      </top>
      <bottom/>
      <diagonal/>
    </border>
    <border>
      <left style="hair">
        <color auto="1"/>
      </left>
      <right style="hair">
        <color auto="1"/>
      </right>
      <top style="medium">
        <color auto="1"/>
      </top>
      <bottom style="hair">
        <color auto="1"/>
      </bottom>
      <diagonal/>
    </border>
    <border>
      <left style="hair">
        <color auto="1"/>
      </left>
      <right style="medium">
        <color auto="1"/>
      </right>
      <top style="medium">
        <color auto="1"/>
      </top>
      <bottom style="hair">
        <color auto="1"/>
      </bottom>
      <diagonal/>
    </border>
    <border>
      <left/>
      <right style="hair">
        <color auto="1"/>
      </right>
      <top style="medium">
        <color auto="1"/>
      </top>
      <bottom style="hair">
        <color auto="1"/>
      </bottom>
      <diagonal/>
    </border>
    <border>
      <left style="medium">
        <color auto="1"/>
      </left>
      <right style="hair">
        <color auto="1"/>
      </right>
      <top/>
      <bottom style="medium">
        <color auto="1"/>
      </bottom>
      <diagonal/>
    </border>
    <border>
      <left style="hair">
        <color auto="1"/>
      </left>
      <right style="hair">
        <color auto="1"/>
      </right>
      <top/>
      <bottom style="medium">
        <color auto="1"/>
      </bottom>
      <diagonal/>
    </border>
    <border>
      <left style="hair">
        <color auto="1"/>
      </left>
      <right style="medium">
        <color auto="1"/>
      </right>
      <top/>
      <bottom style="medium">
        <color auto="1"/>
      </bottom>
      <diagonal/>
    </border>
    <border>
      <left/>
      <right style="hair">
        <color auto="1"/>
      </right>
      <top/>
      <bottom style="medium">
        <color auto="1"/>
      </bottom>
      <diagonal/>
    </border>
    <border>
      <left style="medium">
        <color auto="1"/>
      </left>
      <right style="hair">
        <color auto="1"/>
      </right>
      <top style="medium">
        <color auto="1"/>
      </top>
      <bottom style="hair">
        <color auto="1"/>
      </bottom>
      <diagonal/>
    </border>
    <border>
      <left style="hair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hair">
        <color auto="1"/>
      </right>
      <top style="hair">
        <color auto="1"/>
      </top>
      <bottom style="hair">
        <color auto="1"/>
      </bottom>
      <diagonal/>
    </border>
    <border>
      <left style="hair">
        <color auto="1"/>
      </left>
      <right style="hair">
        <color auto="1"/>
      </right>
      <top/>
      <bottom/>
      <diagonal/>
    </border>
    <border>
      <left style="hair">
        <color auto="1"/>
      </left>
      <right style="medium">
        <color auto="1"/>
      </right>
      <top/>
      <bottom/>
      <diagonal/>
    </border>
    <border>
      <left style="hair">
        <color auto="1"/>
      </left>
      <right style="medium">
        <color auto="1"/>
      </right>
      <top/>
      <bottom style="hair">
        <color auto="1"/>
      </bottom>
      <diagonal/>
    </border>
    <border>
      <left style="medium">
        <color auto="1"/>
      </left>
      <right style="hair">
        <color auto="1"/>
      </right>
      <top style="hair">
        <color auto="1"/>
      </top>
      <bottom/>
      <diagonal/>
    </border>
    <border>
      <left style="medium">
        <color auto="1"/>
      </left>
      <right style="hair">
        <color auto="1"/>
      </right>
      <top style="hair">
        <color auto="1"/>
      </top>
      <bottom style="medium">
        <color auto="1"/>
      </bottom>
      <diagonal/>
    </border>
    <border>
      <left style="hair">
        <color auto="1"/>
      </left>
      <right style="hair">
        <color auto="1"/>
      </right>
      <top style="hair">
        <color auto="1"/>
      </top>
      <bottom style="medium">
        <color auto="1"/>
      </bottom>
      <diagonal/>
    </border>
  </borders>
  <cellStyleXfs count="11">
    <xf numFmtId="0" fontId="0" fillId="0" borderId="0">
      <alignment vertical="center"/>
    </xf>
    <xf numFmtId="0" fontId="3" fillId="0" borderId="0">
      <alignment vertical="center"/>
    </xf>
    <xf numFmtId="0" fontId="4" fillId="0" borderId="0"/>
    <xf numFmtId="0" fontId="6" fillId="0" borderId="0"/>
    <xf numFmtId="0" fontId="7" fillId="0" borderId="0"/>
    <xf numFmtId="0" fontId="9" fillId="0" borderId="0">
      <alignment vertical="center"/>
    </xf>
    <xf numFmtId="0" fontId="1" fillId="0" borderId="0">
      <alignment vertical="center"/>
    </xf>
    <xf numFmtId="38" fontId="11" fillId="0" borderId="0" applyFont="0" applyFill="0" applyBorder="0" applyAlignment="0" applyProtection="0"/>
    <xf numFmtId="0" fontId="8" fillId="0" borderId="0">
      <alignment vertical="center"/>
    </xf>
    <xf numFmtId="0" fontId="4" fillId="0" borderId="0">
      <alignment vertical="center"/>
    </xf>
    <xf numFmtId="0" fontId="12" fillId="0" borderId="0"/>
  </cellStyleXfs>
  <cellXfs count="48">
    <xf numFmtId="0" fontId="0" fillId="0" borderId="0" xfId="0">
      <alignment vertical="center"/>
    </xf>
    <xf numFmtId="0" fontId="10" fillId="0" borderId="0" xfId="1" applyFont="1" applyFill="1" applyBorder="1">
      <alignment vertical="center"/>
    </xf>
    <xf numFmtId="0" fontId="5" fillId="0" borderId="0" xfId="1" applyFont="1" applyFill="1" applyBorder="1">
      <alignment vertical="center"/>
    </xf>
    <xf numFmtId="49" fontId="5" fillId="0" borderId="0" xfId="1" applyNumberFormat="1" applyFont="1" applyFill="1" applyBorder="1">
      <alignment vertical="center"/>
    </xf>
    <xf numFmtId="0" fontId="5" fillId="0" borderId="6" xfId="1" applyFont="1" applyFill="1" applyBorder="1" applyAlignment="1">
      <alignment horizontal="center" vertical="center"/>
    </xf>
    <xf numFmtId="49" fontId="5" fillId="0" borderId="6" xfId="1" applyNumberFormat="1" applyFont="1" applyFill="1" applyBorder="1" applyAlignment="1">
      <alignment horizontal="center" vertical="center"/>
    </xf>
    <xf numFmtId="49" fontId="5" fillId="0" borderId="7" xfId="1" applyNumberFormat="1" applyFont="1" applyFill="1" applyBorder="1" applyAlignment="1">
      <alignment horizontal="center" vertical="center"/>
    </xf>
    <xf numFmtId="0" fontId="5" fillId="0" borderId="8" xfId="1" applyFont="1" applyFill="1" applyBorder="1" applyAlignment="1">
      <alignment horizontal="center" vertical="center"/>
    </xf>
    <xf numFmtId="0" fontId="5" fillId="0" borderId="6" xfId="1" applyFont="1" applyFill="1" applyBorder="1" applyAlignment="1">
      <alignment vertical="center"/>
    </xf>
    <xf numFmtId="0" fontId="5" fillId="0" borderId="6" xfId="1" applyFont="1" applyFill="1" applyBorder="1">
      <alignment vertical="center"/>
    </xf>
    <xf numFmtId="0" fontId="5" fillId="0" borderId="10" xfId="1" applyFont="1" applyFill="1" applyBorder="1" applyAlignment="1">
      <alignment horizontal="center" vertical="center"/>
    </xf>
    <xf numFmtId="49" fontId="5" fillId="0" borderId="10" xfId="1" applyNumberFormat="1" applyFont="1" applyFill="1" applyBorder="1" applyAlignment="1">
      <alignment horizontal="center" vertical="center"/>
    </xf>
    <xf numFmtId="49" fontId="5" fillId="0" borderId="11" xfId="1" applyNumberFormat="1" applyFont="1" applyFill="1" applyBorder="1" applyAlignment="1">
      <alignment horizontal="center" vertical="center"/>
    </xf>
    <xf numFmtId="0" fontId="5" fillId="0" borderId="12" xfId="1" applyFont="1" applyFill="1" applyBorder="1" applyAlignment="1">
      <alignment horizontal="center" vertical="center"/>
    </xf>
    <xf numFmtId="0" fontId="5" fillId="0" borderId="10" xfId="1" applyFont="1" applyFill="1" applyBorder="1" applyAlignment="1">
      <alignment vertical="center"/>
    </xf>
    <xf numFmtId="0" fontId="5" fillId="0" borderId="10" xfId="1" applyFont="1" applyFill="1" applyBorder="1">
      <alignment vertical="center"/>
    </xf>
    <xf numFmtId="0" fontId="5" fillId="0" borderId="13" xfId="1" applyFont="1" applyFill="1" applyBorder="1">
      <alignment vertical="center"/>
    </xf>
    <xf numFmtId="0" fontId="5" fillId="0" borderId="2" xfId="1" applyFont="1" applyFill="1" applyBorder="1" applyAlignment="1">
      <alignment horizontal="center" vertical="center"/>
    </xf>
    <xf numFmtId="0" fontId="5" fillId="0" borderId="15" xfId="1" applyFont="1" applyFill="1" applyBorder="1">
      <alignment vertical="center"/>
    </xf>
    <xf numFmtId="0" fontId="5" fillId="0" borderId="2" xfId="1" applyFont="1" applyFill="1" applyBorder="1">
      <alignment vertical="center"/>
    </xf>
    <xf numFmtId="0" fontId="5" fillId="0" borderId="19" xfId="1" applyFont="1" applyFill="1" applyBorder="1">
      <alignment vertical="center"/>
    </xf>
    <xf numFmtId="0" fontId="5" fillId="0" borderId="3" xfId="1" applyFont="1" applyFill="1" applyBorder="1">
      <alignment vertical="center"/>
    </xf>
    <xf numFmtId="0" fontId="5" fillId="0" borderId="21" xfId="1" applyFont="1" applyFill="1" applyBorder="1" applyAlignment="1">
      <alignment horizontal="center" vertical="center"/>
    </xf>
    <xf numFmtId="0" fontId="5" fillId="0" borderId="20" xfId="1" applyFont="1" applyFill="1" applyBorder="1">
      <alignment vertical="center"/>
    </xf>
    <xf numFmtId="0" fontId="5" fillId="0" borderId="21" xfId="1" applyFont="1" applyFill="1" applyBorder="1">
      <alignment vertical="center"/>
    </xf>
    <xf numFmtId="49" fontId="5" fillId="0" borderId="6" xfId="1" applyNumberFormat="1" applyFont="1" applyFill="1" applyBorder="1" applyAlignment="1">
      <alignment horizontal="center" vertical="center" wrapText="1"/>
    </xf>
    <xf numFmtId="49" fontId="5" fillId="0" borderId="2" xfId="1" applyNumberFormat="1" applyFont="1" applyFill="1" applyBorder="1" applyAlignment="1">
      <alignment horizontal="center" vertical="center" wrapText="1"/>
    </xf>
    <xf numFmtId="49" fontId="5" fillId="0" borderId="21" xfId="1" applyNumberFormat="1" applyFont="1" applyFill="1" applyBorder="1" applyAlignment="1">
      <alignment horizontal="center" vertical="center" wrapText="1"/>
    </xf>
    <xf numFmtId="49" fontId="5" fillId="0" borderId="5" xfId="1" applyNumberFormat="1" applyFont="1" applyFill="1" applyBorder="1" applyAlignment="1">
      <alignment horizontal="center" vertical="center"/>
    </xf>
    <xf numFmtId="49" fontId="5" fillId="0" borderId="16" xfId="1" applyNumberFormat="1" applyFont="1" applyFill="1" applyBorder="1" applyAlignment="1">
      <alignment horizontal="center" vertical="center"/>
    </xf>
    <xf numFmtId="49" fontId="5" fillId="0" borderId="1" xfId="1" applyNumberFormat="1" applyFont="1" applyFill="1" applyBorder="1" applyAlignment="1">
      <alignment horizontal="center" vertical="center"/>
    </xf>
    <xf numFmtId="49" fontId="5" fillId="0" borderId="14" xfId="1" applyNumberFormat="1" applyFont="1" applyFill="1" applyBorder="1" applyAlignment="1">
      <alignment horizontal="center" vertical="center"/>
    </xf>
    <xf numFmtId="49" fontId="5" fillId="0" borderId="17" xfId="1" applyNumberFormat="1" applyFont="1" applyFill="1" applyBorder="1" applyAlignment="1">
      <alignment horizontal="center" vertical="center"/>
    </xf>
    <xf numFmtId="49" fontId="5" fillId="0" borderId="18" xfId="1" applyNumberFormat="1" applyFont="1" applyFill="1" applyBorder="1" applyAlignment="1">
      <alignment horizontal="center" vertical="center"/>
    </xf>
    <xf numFmtId="0" fontId="5" fillId="0" borderId="16" xfId="1" applyFont="1" applyFill="1" applyBorder="1" applyAlignment="1">
      <alignment horizontal="center" vertical="center"/>
    </xf>
    <xf numFmtId="0" fontId="5" fillId="0" borderId="10" xfId="1" applyFont="1" applyFill="1" applyBorder="1" applyAlignment="1">
      <alignment horizontal="center" vertical="center"/>
    </xf>
    <xf numFmtId="49" fontId="5" fillId="0" borderId="10" xfId="1" applyNumberFormat="1" applyFont="1" applyFill="1" applyBorder="1" applyAlignment="1">
      <alignment horizontal="center" vertical="center"/>
    </xf>
    <xf numFmtId="49" fontId="5" fillId="0" borderId="11" xfId="1" applyNumberFormat="1" applyFont="1" applyFill="1" applyBorder="1" applyAlignment="1">
      <alignment horizontal="center" vertical="center"/>
    </xf>
    <xf numFmtId="0" fontId="5" fillId="0" borderId="4" xfId="1" applyFont="1" applyFill="1" applyBorder="1" applyAlignment="1">
      <alignment horizontal="center" vertical="center"/>
    </xf>
    <xf numFmtId="0" fontId="5" fillId="0" borderId="9" xfId="1" applyFont="1" applyFill="1" applyBorder="1" applyAlignment="1">
      <alignment horizontal="center" vertical="center"/>
    </xf>
    <xf numFmtId="0" fontId="5" fillId="0" borderId="5" xfId="1" applyFont="1" applyFill="1" applyBorder="1" applyAlignment="1">
      <alignment horizontal="center" vertical="center"/>
    </xf>
    <xf numFmtId="0" fontId="5" fillId="0" borderId="13" xfId="1" applyFont="1" applyFill="1" applyBorder="1" applyAlignment="1">
      <alignment horizontal="center" vertical="center"/>
    </xf>
    <xf numFmtId="0" fontId="5" fillId="0" borderId="15" xfId="1" applyFont="1" applyFill="1" applyBorder="1" applyAlignment="1">
      <alignment horizontal="center" vertical="center"/>
    </xf>
    <xf numFmtId="0" fontId="5" fillId="0" borderId="20" xfId="1" applyFont="1" applyFill="1" applyBorder="1" applyAlignment="1">
      <alignment horizontal="center" vertical="center"/>
    </xf>
    <xf numFmtId="0" fontId="5" fillId="0" borderId="6" xfId="1" applyFont="1" applyFill="1" applyBorder="1" applyAlignment="1">
      <alignment horizontal="center" vertical="center"/>
    </xf>
    <xf numFmtId="0" fontId="5" fillId="0" borderId="2" xfId="1" applyFont="1" applyFill="1" applyBorder="1" applyAlignment="1">
      <alignment horizontal="center" vertical="center"/>
    </xf>
    <xf numFmtId="0" fontId="5" fillId="0" borderId="21" xfId="1" applyFont="1" applyFill="1" applyBorder="1" applyAlignment="1">
      <alignment horizontal="center" vertical="center"/>
    </xf>
    <xf numFmtId="0" fontId="5" fillId="0" borderId="1" xfId="1" applyFont="1" applyFill="1" applyBorder="1" applyAlignment="1">
      <alignment horizontal="center" vertical="center"/>
    </xf>
  </cellXfs>
  <cellStyles count="11">
    <cellStyle name="桁区切り 5" xfId="7"/>
    <cellStyle name="標準" xfId="0" builtinId="0"/>
    <cellStyle name="標準 2" xfId="4"/>
    <cellStyle name="標準 2 2" xfId="5"/>
    <cellStyle name="標準 3" xfId="6"/>
    <cellStyle name="標準 4" xfId="2"/>
    <cellStyle name="標準 5" xfId="3"/>
    <cellStyle name="標準 6" xfId="1"/>
    <cellStyle name="標準 7" xfId="8"/>
    <cellStyle name="標準 8" xfId="9"/>
    <cellStyle name="標準 9" xfId="10"/>
  </cellStyles>
  <dxfs count="0"/>
  <tableStyles count="0" defaultTableStyle="TableStyleMedium2" defaultPivotStyle="PivotStyleLight16"/>
  <colors>
    <mruColors>
      <color rgb="FFFFFF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1907</xdr:colOff>
      <xdr:row>0</xdr:row>
      <xdr:rowOff>23813</xdr:rowOff>
    </xdr:from>
    <xdr:to>
      <xdr:col>1</xdr:col>
      <xdr:colOff>869156</xdr:colOff>
      <xdr:row>1</xdr:row>
      <xdr:rowOff>11906</xdr:rowOff>
    </xdr:to>
    <xdr:sp macro="" textlink="">
      <xdr:nvSpPr>
        <xdr:cNvPr id="2" name="テキスト ボックス 1"/>
        <xdr:cNvSpPr txBox="1"/>
      </xdr:nvSpPr>
      <xdr:spPr>
        <a:xfrm>
          <a:off x="11907" y="23813"/>
          <a:ext cx="1262062" cy="273843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r>
            <a:rPr kumimoji="1" lang="ja-JP" altLang="en-US" sz="1100"/>
            <a:t>参考様式１</a:t>
          </a:r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1907</xdr:colOff>
      <xdr:row>0</xdr:row>
      <xdr:rowOff>23812</xdr:rowOff>
    </xdr:from>
    <xdr:to>
      <xdr:col>1</xdr:col>
      <xdr:colOff>857250</xdr:colOff>
      <xdr:row>1</xdr:row>
      <xdr:rowOff>0</xdr:rowOff>
    </xdr:to>
    <xdr:sp macro="" textlink="">
      <xdr:nvSpPr>
        <xdr:cNvPr id="2" name="テキスト ボックス 1"/>
        <xdr:cNvSpPr txBox="1"/>
      </xdr:nvSpPr>
      <xdr:spPr>
        <a:xfrm>
          <a:off x="11907" y="23812"/>
          <a:ext cx="1250156" cy="261938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r>
            <a:rPr kumimoji="1" lang="ja-JP" altLang="en-US" sz="1100"/>
            <a:t>参考様式２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8">
    <pageSetUpPr fitToPage="1"/>
  </sheetPr>
  <dimension ref="A1:U65"/>
  <sheetViews>
    <sheetView tabSelected="1" view="pageBreakPreview" zoomScale="80" zoomScaleNormal="100" zoomScaleSheetLayoutView="80" workbookViewId="0">
      <pane xSplit="9" ySplit="5" topLeftCell="P6" activePane="bottomRight" state="frozen"/>
      <selection activeCell="A2" sqref="A2:F47"/>
      <selection pane="topRight" activeCell="A2" sqref="A2:F47"/>
      <selection pane="bottomLeft" activeCell="A2" sqref="A2:F47"/>
      <selection pane="bottomRight" activeCell="C15" sqref="C15:C17"/>
    </sheetView>
  </sheetViews>
  <sheetFormatPr defaultRowHeight="15" customHeight="1"/>
  <cols>
    <col min="1" max="1" width="5.25" style="2" bestFit="1" customWidth="1"/>
    <col min="2" max="2" width="13.75" style="2" customWidth="1"/>
    <col min="3" max="3" width="5.25" style="2" bestFit="1" customWidth="1"/>
    <col min="4" max="4" width="8" style="2" bestFit="1" customWidth="1"/>
    <col min="5" max="5" width="12.5" style="2" customWidth="1"/>
    <col min="6" max="6" width="7.375" style="3" bestFit="1" customWidth="1"/>
    <col min="7" max="8" width="8" style="3" bestFit="1" customWidth="1"/>
    <col min="9" max="9" width="9.625" style="2" bestFit="1" customWidth="1"/>
    <col min="10" max="17" width="9.25" style="2" bestFit="1" customWidth="1"/>
    <col min="18" max="16384" width="9" style="2"/>
  </cols>
  <sheetData>
    <row r="1" spans="1:21" ht="22.5" customHeight="1"/>
    <row r="2" spans="1:21" ht="22.5" customHeight="1">
      <c r="A2" s="1" t="s">
        <v>12</v>
      </c>
    </row>
    <row r="3" spans="1:21" ht="15" customHeight="1" thickBot="1"/>
    <row r="4" spans="1:21" s="9" customFormat="1" ht="15" customHeight="1">
      <c r="A4" s="38" t="s">
        <v>13</v>
      </c>
      <c r="B4" s="40" t="s">
        <v>3</v>
      </c>
      <c r="C4" s="4" t="s">
        <v>0</v>
      </c>
      <c r="D4" s="40" t="s">
        <v>14</v>
      </c>
      <c r="E4" s="4" t="s">
        <v>15</v>
      </c>
      <c r="F4" s="5" t="s">
        <v>4</v>
      </c>
      <c r="G4" s="5" t="s">
        <v>2</v>
      </c>
      <c r="H4" s="6" t="s">
        <v>2</v>
      </c>
      <c r="I4" s="7" t="s">
        <v>16</v>
      </c>
      <c r="J4" s="8"/>
      <c r="K4" s="8"/>
      <c r="L4" s="8"/>
      <c r="M4" s="8"/>
      <c r="N4" s="8"/>
      <c r="O4" s="8"/>
      <c r="P4" s="8"/>
      <c r="Q4" s="8"/>
      <c r="R4" s="8"/>
      <c r="S4" s="8"/>
      <c r="T4" s="8"/>
      <c r="U4" s="8"/>
    </row>
    <row r="5" spans="1:21" s="15" customFormat="1" ht="15" customHeight="1" thickBot="1">
      <c r="A5" s="39"/>
      <c r="B5" s="35"/>
      <c r="C5" s="10" t="s">
        <v>1</v>
      </c>
      <c r="D5" s="35"/>
      <c r="E5" s="10" t="s">
        <v>17</v>
      </c>
      <c r="F5" s="11" t="s">
        <v>18</v>
      </c>
      <c r="G5" s="11" t="s">
        <v>19</v>
      </c>
      <c r="H5" s="12" t="s">
        <v>19</v>
      </c>
      <c r="I5" s="13" t="s">
        <v>20</v>
      </c>
      <c r="J5" s="14"/>
      <c r="K5" s="14"/>
      <c r="L5" s="14"/>
      <c r="M5" s="14"/>
      <c r="N5" s="14"/>
      <c r="O5" s="14"/>
      <c r="P5" s="14"/>
      <c r="Q5" s="14"/>
      <c r="R5" s="14"/>
      <c r="S5" s="14"/>
      <c r="T5" s="14"/>
      <c r="U5" s="14"/>
    </row>
    <row r="6" spans="1:21" s="9" customFormat="1" ht="15" customHeight="1">
      <c r="A6" s="41">
        <v>1</v>
      </c>
      <c r="B6" s="44"/>
      <c r="C6" s="40"/>
      <c r="D6" s="44"/>
      <c r="E6" s="4"/>
      <c r="F6" s="25"/>
      <c r="G6" s="28"/>
      <c r="H6" s="31"/>
      <c r="I6" s="16" t="s">
        <v>9</v>
      </c>
    </row>
    <row r="7" spans="1:21" s="19" customFormat="1" ht="15" customHeight="1">
      <c r="A7" s="42"/>
      <c r="B7" s="45"/>
      <c r="C7" s="34"/>
      <c r="D7" s="45"/>
      <c r="E7" s="17"/>
      <c r="F7" s="26"/>
      <c r="G7" s="29"/>
      <c r="H7" s="32"/>
      <c r="I7" s="18" t="s">
        <v>10</v>
      </c>
    </row>
    <row r="8" spans="1:21" s="19" customFormat="1" ht="15" customHeight="1">
      <c r="A8" s="42"/>
      <c r="B8" s="45"/>
      <c r="C8" s="47"/>
      <c r="D8" s="45"/>
      <c r="E8" s="17"/>
      <c r="F8" s="26"/>
      <c r="G8" s="30"/>
      <c r="H8" s="33"/>
      <c r="I8" s="18" t="s">
        <v>11</v>
      </c>
    </row>
    <row r="9" spans="1:21" s="21" customFormat="1" ht="15" customHeight="1">
      <c r="A9" s="42"/>
      <c r="B9" s="45"/>
      <c r="C9" s="34"/>
      <c r="D9" s="45"/>
      <c r="E9" s="17"/>
      <c r="F9" s="26"/>
      <c r="G9" s="29"/>
      <c r="H9" s="32"/>
      <c r="I9" s="20" t="s">
        <v>21</v>
      </c>
    </row>
    <row r="10" spans="1:21" s="21" customFormat="1" ht="15" customHeight="1">
      <c r="A10" s="42"/>
      <c r="B10" s="45"/>
      <c r="C10" s="34"/>
      <c r="D10" s="45"/>
      <c r="E10" s="17"/>
      <c r="F10" s="26"/>
      <c r="G10" s="29"/>
      <c r="H10" s="32"/>
      <c r="I10" s="20" t="s">
        <v>7</v>
      </c>
    </row>
    <row r="11" spans="1:21" s="24" customFormat="1" ht="15" customHeight="1" thickBot="1">
      <c r="A11" s="43"/>
      <c r="B11" s="46"/>
      <c r="C11" s="35"/>
      <c r="D11" s="46"/>
      <c r="E11" s="22"/>
      <c r="F11" s="27"/>
      <c r="G11" s="36"/>
      <c r="H11" s="37"/>
      <c r="I11" s="23" t="s">
        <v>5</v>
      </c>
    </row>
    <row r="12" spans="1:21" s="9" customFormat="1" ht="15" customHeight="1">
      <c r="A12" s="41">
        <v>2</v>
      </c>
      <c r="B12" s="44"/>
      <c r="C12" s="40"/>
      <c r="D12" s="44"/>
      <c r="E12" s="4"/>
      <c r="F12" s="25"/>
      <c r="G12" s="28"/>
      <c r="H12" s="31"/>
      <c r="I12" s="16" t="s">
        <v>9</v>
      </c>
    </row>
    <row r="13" spans="1:21" s="19" customFormat="1" ht="15" customHeight="1">
      <c r="A13" s="42"/>
      <c r="B13" s="45"/>
      <c r="C13" s="34"/>
      <c r="D13" s="45"/>
      <c r="E13" s="17"/>
      <c r="F13" s="26"/>
      <c r="G13" s="29"/>
      <c r="H13" s="32"/>
      <c r="I13" s="18" t="s">
        <v>10</v>
      </c>
    </row>
    <row r="14" spans="1:21" s="19" customFormat="1" ht="15" customHeight="1">
      <c r="A14" s="42"/>
      <c r="B14" s="45"/>
      <c r="C14" s="47"/>
      <c r="D14" s="45"/>
      <c r="E14" s="17"/>
      <c r="F14" s="26"/>
      <c r="G14" s="30"/>
      <c r="H14" s="33"/>
      <c r="I14" s="18" t="s">
        <v>11</v>
      </c>
    </row>
    <row r="15" spans="1:21" s="21" customFormat="1" ht="15" customHeight="1">
      <c r="A15" s="42"/>
      <c r="B15" s="45"/>
      <c r="C15" s="34"/>
      <c r="D15" s="45"/>
      <c r="E15" s="17"/>
      <c r="F15" s="26"/>
      <c r="G15" s="29"/>
      <c r="H15" s="32"/>
      <c r="I15" s="20" t="s">
        <v>21</v>
      </c>
    </row>
    <row r="16" spans="1:21" s="21" customFormat="1" ht="15" customHeight="1">
      <c r="A16" s="42"/>
      <c r="B16" s="45"/>
      <c r="C16" s="34"/>
      <c r="D16" s="45"/>
      <c r="E16" s="17"/>
      <c r="F16" s="26"/>
      <c r="G16" s="29"/>
      <c r="H16" s="32"/>
      <c r="I16" s="20" t="s">
        <v>7</v>
      </c>
    </row>
    <row r="17" spans="1:9" s="24" customFormat="1" ht="15" customHeight="1" thickBot="1">
      <c r="A17" s="43"/>
      <c r="B17" s="46"/>
      <c r="C17" s="35"/>
      <c r="D17" s="46"/>
      <c r="E17" s="22"/>
      <c r="F17" s="27"/>
      <c r="G17" s="36"/>
      <c r="H17" s="37"/>
      <c r="I17" s="23" t="s">
        <v>5</v>
      </c>
    </row>
    <row r="18" spans="1:9" s="9" customFormat="1" ht="15" customHeight="1">
      <c r="A18" s="41">
        <v>3</v>
      </c>
      <c r="B18" s="44"/>
      <c r="C18" s="40"/>
      <c r="D18" s="44"/>
      <c r="E18" s="4"/>
      <c r="F18" s="25"/>
      <c r="G18" s="28"/>
      <c r="H18" s="31"/>
      <c r="I18" s="16" t="s">
        <v>9</v>
      </c>
    </row>
    <row r="19" spans="1:9" s="19" customFormat="1" ht="15" customHeight="1">
      <c r="A19" s="42"/>
      <c r="B19" s="45"/>
      <c r="C19" s="34"/>
      <c r="D19" s="45"/>
      <c r="E19" s="17"/>
      <c r="F19" s="26"/>
      <c r="G19" s="29"/>
      <c r="H19" s="32"/>
      <c r="I19" s="18" t="s">
        <v>10</v>
      </c>
    </row>
    <row r="20" spans="1:9" s="19" customFormat="1" ht="15" customHeight="1">
      <c r="A20" s="42"/>
      <c r="B20" s="45"/>
      <c r="C20" s="47"/>
      <c r="D20" s="45"/>
      <c r="E20" s="17"/>
      <c r="F20" s="26"/>
      <c r="G20" s="30"/>
      <c r="H20" s="33"/>
      <c r="I20" s="18" t="s">
        <v>11</v>
      </c>
    </row>
    <row r="21" spans="1:9" s="21" customFormat="1" ht="15" customHeight="1">
      <c r="A21" s="42"/>
      <c r="B21" s="45"/>
      <c r="C21" s="34"/>
      <c r="D21" s="45"/>
      <c r="E21" s="17"/>
      <c r="F21" s="26"/>
      <c r="G21" s="29"/>
      <c r="H21" s="32"/>
      <c r="I21" s="20" t="s">
        <v>21</v>
      </c>
    </row>
    <row r="22" spans="1:9" s="21" customFormat="1" ht="15" customHeight="1">
      <c r="A22" s="42"/>
      <c r="B22" s="45"/>
      <c r="C22" s="34"/>
      <c r="D22" s="45"/>
      <c r="E22" s="17"/>
      <c r="F22" s="26"/>
      <c r="G22" s="29"/>
      <c r="H22" s="32"/>
      <c r="I22" s="20" t="s">
        <v>7</v>
      </c>
    </row>
    <row r="23" spans="1:9" s="24" customFormat="1" ht="15" customHeight="1" thickBot="1">
      <c r="A23" s="43"/>
      <c r="B23" s="46"/>
      <c r="C23" s="35"/>
      <c r="D23" s="46"/>
      <c r="E23" s="22"/>
      <c r="F23" s="27"/>
      <c r="G23" s="36"/>
      <c r="H23" s="37"/>
      <c r="I23" s="23" t="s">
        <v>5</v>
      </c>
    </row>
    <row r="24" spans="1:9" s="9" customFormat="1" ht="15" customHeight="1">
      <c r="A24" s="41">
        <v>4</v>
      </c>
      <c r="B24" s="44"/>
      <c r="C24" s="40"/>
      <c r="D24" s="44"/>
      <c r="E24" s="4"/>
      <c r="F24" s="25"/>
      <c r="G24" s="28"/>
      <c r="H24" s="31"/>
      <c r="I24" s="16" t="s">
        <v>9</v>
      </c>
    </row>
    <row r="25" spans="1:9" s="19" customFormat="1" ht="15" customHeight="1">
      <c r="A25" s="42"/>
      <c r="B25" s="45"/>
      <c r="C25" s="34"/>
      <c r="D25" s="45"/>
      <c r="E25" s="17"/>
      <c r="F25" s="26"/>
      <c r="G25" s="29"/>
      <c r="H25" s="32"/>
      <c r="I25" s="18" t="s">
        <v>10</v>
      </c>
    </row>
    <row r="26" spans="1:9" s="19" customFormat="1" ht="15" customHeight="1">
      <c r="A26" s="42"/>
      <c r="B26" s="45"/>
      <c r="C26" s="47"/>
      <c r="D26" s="45"/>
      <c r="E26" s="17"/>
      <c r="F26" s="26"/>
      <c r="G26" s="30"/>
      <c r="H26" s="33"/>
      <c r="I26" s="18" t="s">
        <v>11</v>
      </c>
    </row>
    <row r="27" spans="1:9" s="21" customFormat="1" ht="15" customHeight="1">
      <c r="A27" s="42"/>
      <c r="B27" s="45"/>
      <c r="C27" s="34"/>
      <c r="D27" s="45"/>
      <c r="E27" s="17"/>
      <c r="F27" s="26"/>
      <c r="G27" s="29"/>
      <c r="H27" s="32"/>
      <c r="I27" s="20" t="s">
        <v>21</v>
      </c>
    </row>
    <row r="28" spans="1:9" s="21" customFormat="1" ht="15" customHeight="1">
      <c r="A28" s="42"/>
      <c r="B28" s="45"/>
      <c r="C28" s="34"/>
      <c r="D28" s="45"/>
      <c r="E28" s="17"/>
      <c r="F28" s="26"/>
      <c r="G28" s="29"/>
      <c r="H28" s="32"/>
      <c r="I28" s="20" t="s">
        <v>7</v>
      </c>
    </row>
    <row r="29" spans="1:9" s="24" customFormat="1" ht="15" customHeight="1" thickBot="1">
      <c r="A29" s="43"/>
      <c r="B29" s="46"/>
      <c r="C29" s="35"/>
      <c r="D29" s="46"/>
      <c r="E29" s="22"/>
      <c r="F29" s="27"/>
      <c r="G29" s="36"/>
      <c r="H29" s="37"/>
      <c r="I29" s="23" t="s">
        <v>5</v>
      </c>
    </row>
    <row r="30" spans="1:9" s="9" customFormat="1" ht="15" customHeight="1">
      <c r="A30" s="41">
        <v>5</v>
      </c>
      <c r="B30" s="44"/>
      <c r="C30" s="40"/>
      <c r="D30" s="44"/>
      <c r="E30" s="4"/>
      <c r="F30" s="25"/>
      <c r="G30" s="28"/>
      <c r="H30" s="31"/>
      <c r="I30" s="16" t="s">
        <v>9</v>
      </c>
    </row>
    <row r="31" spans="1:9" s="19" customFormat="1" ht="15" customHeight="1">
      <c r="A31" s="42"/>
      <c r="B31" s="45"/>
      <c r="C31" s="34"/>
      <c r="D31" s="45"/>
      <c r="E31" s="17"/>
      <c r="F31" s="26"/>
      <c r="G31" s="29"/>
      <c r="H31" s="32"/>
      <c r="I31" s="18" t="s">
        <v>10</v>
      </c>
    </row>
    <row r="32" spans="1:9" s="19" customFormat="1" ht="15" customHeight="1">
      <c r="A32" s="42"/>
      <c r="B32" s="45"/>
      <c r="C32" s="47"/>
      <c r="D32" s="45"/>
      <c r="E32" s="17"/>
      <c r="F32" s="26"/>
      <c r="G32" s="30"/>
      <c r="H32" s="33"/>
      <c r="I32" s="18" t="s">
        <v>11</v>
      </c>
    </row>
    <row r="33" spans="1:9" s="21" customFormat="1" ht="15" customHeight="1">
      <c r="A33" s="42"/>
      <c r="B33" s="45"/>
      <c r="C33" s="34"/>
      <c r="D33" s="45"/>
      <c r="E33" s="17"/>
      <c r="F33" s="26"/>
      <c r="G33" s="29"/>
      <c r="H33" s="32"/>
      <c r="I33" s="20" t="s">
        <v>21</v>
      </c>
    </row>
    <row r="34" spans="1:9" s="21" customFormat="1" ht="15" customHeight="1">
      <c r="A34" s="42"/>
      <c r="B34" s="45"/>
      <c r="C34" s="34"/>
      <c r="D34" s="45"/>
      <c r="E34" s="17"/>
      <c r="F34" s="26"/>
      <c r="G34" s="29"/>
      <c r="H34" s="32"/>
      <c r="I34" s="20" t="s">
        <v>7</v>
      </c>
    </row>
    <row r="35" spans="1:9" s="24" customFormat="1" ht="15" customHeight="1" thickBot="1">
      <c r="A35" s="43"/>
      <c r="B35" s="46"/>
      <c r="C35" s="35"/>
      <c r="D35" s="46"/>
      <c r="E35" s="22"/>
      <c r="F35" s="27"/>
      <c r="G35" s="36"/>
      <c r="H35" s="37"/>
      <c r="I35" s="23" t="s">
        <v>5</v>
      </c>
    </row>
    <row r="36" spans="1:9" s="9" customFormat="1" ht="15" customHeight="1">
      <c r="A36" s="41">
        <v>6</v>
      </c>
      <c r="B36" s="44"/>
      <c r="C36" s="40"/>
      <c r="D36" s="44"/>
      <c r="E36" s="4"/>
      <c r="F36" s="25"/>
      <c r="G36" s="28"/>
      <c r="H36" s="31"/>
      <c r="I36" s="16" t="s">
        <v>9</v>
      </c>
    </row>
    <row r="37" spans="1:9" s="19" customFormat="1" ht="15" customHeight="1">
      <c r="A37" s="42"/>
      <c r="B37" s="45"/>
      <c r="C37" s="34"/>
      <c r="D37" s="45"/>
      <c r="E37" s="17"/>
      <c r="F37" s="26"/>
      <c r="G37" s="29"/>
      <c r="H37" s="32"/>
      <c r="I37" s="18" t="s">
        <v>10</v>
      </c>
    </row>
    <row r="38" spans="1:9" s="19" customFormat="1" ht="15" customHeight="1">
      <c r="A38" s="42"/>
      <c r="B38" s="45"/>
      <c r="C38" s="47"/>
      <c r="D38" s="45"/>
      <c r="E38" s="17"/>
      <c r="F38" s="26"/>
      <c r="G38" s="30"/>
      <c r="H38" s="33"/>
      <c r="I38" s="18" t="s">
        <v>11</v>
      </c>
    </row>
    <row r="39" spans="1:9" s="21" customFormat="1" ht="15" customHeight="1">
      <c r="A39" s="42"/>
      <c r="B39" s="45"/>
      <c r="C39" s="34"/>
      <c r="D39" s="45"/>
      <c r="E39" s="17"/>
      <c r="F39" s="26"/>
      <c r="G39" s="29"/>
      <c r="H39" s="32"/>
      <c r="I39" s="20" t="s">
        <v>21</v>
      </c>
    </row>
    <row r="40" spans="1:9" s="21" customFormat="1" ht="15" customHeight="1">
      <c r="A40" s="42"/>
      <c r="B40" s="45"/>
      <c r="C40" s="34"/>
      <c r="D40" s="45"/>
      <c r="E40" s="17"/>
      <c r="F40" s="26"/>
      <c r="G40" s="29"/>
      <c r="H40" s="32"/>
      <c r="I40" s="20" t="s">
        <v>7</v>
      </c>
    </row>
    <row r="41" spans="1:9" s="24" customFormat="1" ht="15" customHeight="1" thickBot="1">
      <c r="A41" s="43"/>
      <c r="B41" s="46"/>
      <c r="C41" s="35"/>
      <c r="D41" s="46"/>
      <c r="E41" s="22"/>
      <c r="F41" s="27"/>
      <c r="G41" s="36"/>
      <c r="H41" s="37"/>
      <c r="I41" s="23" t="s">
        <v>5</v>
      </c>
    </row>
    <row r="42" spans="1:9" s="9" customFormat="1" ht="15" customHeight="1">
      <c r="A42" s="41">
        <v>7</v>
      </c>
      <c r="B42" s="44"/>
      <c r="C42" s="40"/>
      <c r="D42" s="44"/>
      <c r="E42" s="4"/>
      <c r="F42" s="25"/>
      <c r="G42" s="28"/>
      <c r="H42" s="31"/>
      <c r="I42" s="16" t="s">
        <v>9</v>
      </c>
    </row>
    <row r="43" spans="1:9" s="19" customFormat="1" ht="15" customHeight="1">
      <c r="A43" s="42"/>
      <c r="B43" s="45"/>
      <c r="C43" s="34"/>
      <c r="D43" s="45"/>
      <c r="E43" s="17"/>
      <c r="F43" s="26"/>
      <c r="G43" s="29"/>
      <c r="H43" s="32"/>
      <c r="I43" s="18" t="s">
        <v>10</v>
      </c>
    </row>
    <row r="44" spans="1:9" s="19" customFormat="1" ht="15" customHeight="1">
      <c r="A44" s="42"/>
      <c r="B44" s="45"/>
      <c r="C44" s="47"/>
      <c r="D44" s="45"/>
      <c r="E44" s="17"/>
      <c r="F44" s="26"/>
      <c r="G44" s="30"/>
      <c r="H44" s="33"/>
      <c r="I44" s="18" t="s">
        <v>11</v>
      </c>
    </row>
    <row r="45" spans="1:9" s="21" customFormat="1" ht="15" customHeight="1">
      <c r="A45" s="42"/>
      <c r="B45" s="45"/>
      <c r="C45" s="34"/>
      <c r="D45" s="45"/>
      <c r="E45" s="17"/>
      <c r="F45" s="26"/>
      <c r="G45" s="29"/>
      <c r="H45" s="32"/>
      <c r="I45" s="20" t="s">
        <v>21</v>
      </c>
    </row>
    <row r="46" spans="1:9" s="21" customFormat="1" ht="15" customHeight="1">
      <c r="A46" s="42"/>
      <c r="B46" s="45"/>
      <c r="C46" s="34"/>
      <c r="D46" s="45"/>
      <c r="E46" s="17"/>
      <c r="F46" s="26"/>
      <c r="G46" s="29"/>
      <c r="H46" s="32"/>
      <c r="I46" s="20" t="s">
        <v>7</v>
      </c>
    </row>
    <row r="47" spans="1:9" s="24" customFormat="1" ht="15" customHeight="1" thickBot="1">
      <c r="A47" s="43"/>
      <c r="B47" s="46"/>
      <c r="C47" s="35"/>
      <c r="D47" s="46"/>
      <c r="E47" s="22"/>
      <c r="F47" s="27"/>
      <c r="G47" s="36"/>
      <c r="H47" s="37"/>
      <c r="I47" s="23" t="s">
        <v>5</v>
      </c>
    </row>
    <row r="48" spans="1:9" s="9" customFormat="1" ht="15" customHeight="1">
      <c r="A48" s="41">
        <v>8</v>
      </c>
      <c r="B48" s="44"/>
      <c r="C48" s="40"/>
      <c r="D48" s="44"/>
      <c r="E48" s="4"/>
      <c r="F48" s="25"/>
      <c r="G48" s="28"/>
      <c r="H48" s="31"/>
      <c r="I48" s="16" t="s">
        <v>9</v>
      </c>
    </row>
    <row r="49" spans="1:9" s="19" customFormat="1" ht="15" customHeight="1">
      <c r="A49" s="42"/>
      <c r="B49" s="45"/>
      <c r="C49" s="34"/>
      <c r="D49" s="45"/>
      <c r="E49" s="17"/>
      <c r="F49" s="26"/>
      <c r="G49" s="29"/>
      <c r="H49" s="32"/>
      <c r="I49" s="18" t="s">
        <v>10</v>
      </c>
    </row>
    <row r="50" spans="1:9" s="19" customFormat="1" ht="15" customHeight="1">
      <c r="A50" s="42"/>
      <c r="B50" s="45"/>
      <c r="C50" s="47"/>
      <c r="D50" s="45"/>
      <c r="E50" s="17"/>
      <c r="F50" s="26"/>
      <c r="G50" s="30"/>
      <c r="H50" s="33"/>
      <c r="I50" s="18" t="s">
        <v>11</v>
      </c>
    </row>
    <row r="51" spans="1:9" s="21" customFormat="1" ht="15" customHeight="1">
      <c r="A51" s="42"/>
      <c r="B51" s="45"/>
      <c r="C51" s="34"/>
      <c r="D51" s="45"/>
      <c r="E51" s="17"/>
      <c r="F51" s="26"/>
      <c r="G51" s="29"/>
      <c r="H51" s="32"/>
      <c r="I51" s="20" t="s">
        <v>21</v>
      </c>
    </row>
    <row r="52" spans="1:9" s="21" customFormat="1" ht="15" customHeight="1">
      <c r="A52" s="42"/>
      <c r="B52" s="45"/>
      <c r="C52" s="34"/>
      <c r="D52" s="45"/>
      <c r="E52" s="17"/>
      <c r="F52" s="26"/>
      <c r="G52" s="29"/>
      <c r="H52" s="32"/>
      <c r="I52" s="20" t="s">
        <v>7</v>
      </c>
    </row>
    <row r="53" spans="1:9" s="24" customFormat="1" ht="15" customHeight="1" thickBot="1">
      <c r="A53" s="43"/>
      <c r="B53" s="46"/>
      <c r="C53" s="35"/>
      <c r="D53" s="46"/>
      <c r="E53" s="22"/>
      <c r="F53" s="27"/>
      <c r="G53" s="36"/>
      <c r="H53" s="37"/>
      <c r="I53" s="23" t="s">
        <v>5</v>
      </c>
    </row>
    <row r="54" spans="1:9" s="9" customFormat="1" ht="15" customHeight="1">
      <c r="A54" s="41">
        <v>9</v>
      </c>
      <c r="B54" s="44"/>
      <c r="C54" s="40"/>
      <c r="D54" s="44"/>
      <c r="E54" s="4"/>
      <c r="F54" s="25"/>
      <c r="G54" s="28"/>
      <c r="H54" s="31"/>
      <c r="I54" s="16" t="s">
        <v>9</v>
      </c>
    </row>
    <row r="55" spans="1:9" s="19" customFormat="1" ht="15" customHeight="1">
      <c r="A55" s="42"/>
      <c r="B55" s="45"/>
      <c r="C55" s="34"/>
      <c r="D55" s="45"/>
      <c r="E55" s="17"/>
      <c r="F55" s="26"/>
      <c r="G55" s="29"/>
      <c r="H55" s="32"/>
      <c r="I55" s="18" t="s">
        <v>10</v>
      </c>
    </row>
    <row r="56" spans="1:9" s="19" customFormat="1" ht="15" customHeight="1">
      <c r="A56" s="42"/>
      <c r="B56" s="45"/>
      <c r="C56" s="47"/>
      <c r="D56" s="45"/>
      <c r="E56" s="17"/>
      <c r="F56" s="26"/>
      <c r="G56" s="30"/>
      <c r="H56" s="33"/>
      <c r="I56" s="18" t="s">
        <v>11</v>
      </c>
    </row>
    <row r="57" spans="1:9" s="21" customFormat="1" ht="15" customHeight="1">
      <c r="A57" s="42"/>
      <c r="B57" s="45"/>
      <c r="C57" s="34"/>
      <c r="D57" s="45"/>
      <c r="E57" s="17"/>
      <c r="F57" s="26"/>
      <c r="G57" s="29"/>
      <c r="H57" s="32"/>
      <c r="I57" s="20" t="s">
        <v>21</v>
      </c>
    </row>
    <row r="58" spans="1:9" s="21" customFormat="1" ht="15" customHeight="1">
      <c r="A58" s="42"/>
      <c r="B58" s="45"/>
      <c r="C58" s="34"/>
      <c r="D58" s="45"/>
      <c r="E58" s="17"/>
      <c r="F58" s="26"/>
      <c r="G58" s="29"/>
      <c r="H58" s="32"/>
      <c r="I58" s="20" t="s">
        <v>7</v>
      </c>
    </row>
    <row r="59" spans="1:9" s="24" customFormat="1" ht="15" customHeight="1" thickBot="1">
      <c r="A59" s="43"/>
      <c r="B59" s="46"/>
      <c r="C59" s="35"/>
      <c r="D59" s="46"/>
      <c r="E59" s="22"/>
      <c r="F59" s="27"/>
      <c r="G59" s="36"/>
      <c r="H59" s="37"/>
      <c r="I59" s="23" t="s">
        <v>5</v>
      </c>
    </row>
    <row r="60" spans="1:9" s="9" customFormat="1" ht="15" customHeight="1">
      <c r="A60" s="41">
        <v>10</v>
      </c>
      <c r="B60" s="44"/>
      <c r="C60" s="40"/>
      <c r="D60" s="44"/>
      <c r="E60" s="4"/>
      <c r="F60" s="25"/>
      <c r="G60" s="28"/>
      <c r="H60" s="31"/>
      <c r="I60" s="16" t="s">
        <v>9</v>
      </c>
    </row>
    <row r="61" spans="1:9" s="19" customFormat="1" ht="15" customHeight="1">
      <c r="A61" s="42"/>
      <c r="B61" s="45"/>
      <c r="C61" s="34"/>
      <c r="D61" s="45"/>
      <c r="E61" s="17"/>
      <c r="F61" s="26"/>
      <c r="G61" s="29"/>
      <c r="H61" s="32"/>
      <c r="I61" s="18" t="s">
        <v>10</v>
      </c>
    </row>
    <row r="62" spans="1:9" s="19" customFormat="1" ht="15" customHeight="1">
      <c r="A62" s="42"/>
      <c r="B62" s="45"/>
      <c r="C62" s="47"/>
      <c r="D62" s="45"/>
      <c r="E62" s="17"/>
      <c r="F62" s="26"/>
      <c r="G62" s="30"/>
      <c r="H62" s="33"/>
      <c r="I62" s="18" t="s">
        <v>11</v>
      </c>
    </row>
    <row r="63" spans="1:9" s="21" customFormat="1" ht="15" customHeight="1">
      <c r="A63" s="42"/>
      <c r="B63" s="45"/>
      <c r="C63" s="34"/>
      <c r="D63" s="45"/>
      <c r="E63" s="17"/>
      <c r="F63" s="26"/>
      <c r="G63" s="29"/>
      <c r="H63" s="32"/>
      <c r="I63" s="20" t="s">
        <v>21</v>
      </c>
    </row>
    <row r="64" spans="1:9" s="21" customFormat="1" ht="15" customHeight="1">
      <c r="A64" s="42"/>
      <c r="B64" s="45"/>
      <c r="C64" s="34"/>
      <c r="D64" s="45"/>
      <c r="E64" s="17"/>
      <c r="F64" s="26"/>
      <c r="G64" s="29"/>
      <c r="H64" s="32"/>
      <c r="I64" s="20" t="s">
        <v>7</v>
      </c>
    </row>
    <row r="65" spans="1:9" s="24" customFormat="1" ht="15" customHeight="1" thickBot="1">
      <c r="A65" s="43"/>
      <c r="B65" s="46"/>
      <c r="C65" s="35"/>
      <c r="D65" s="46"/>
      <c r="E65" s="22"/>
      <c r="F65" s="27"/>
      <c r="G65" s="36"/>
      <c r="H65" s="37"/>
      <c r="I65" s="23" t="s">
        <v>5</v>
      </c>
    </row>
  </sheetData>
  <mergeCells count="103">
    <mergeCell ref="A54:A59"/>
    <mergeCell ref="B54:B59"/>
    <mergeCell ref="C54:C56"/>
    <mergeCell ref="D54:D59"/>
    <mergeCell ref="F54:F59"/>
    <mergeCell ref="G54:G56"/>
    <mergeCell ref="H60:H62"/>
    <mergeCell ref="C63:C65"/>
    <mergeCell ref="G63:G65"/>
    <mergeCell ref="H63:H65"/>
    <mergeCell ref="H54:H56"/>
    <mergeCell ref="C57:C59"/>
    <mergeCell ref="G57:G59"/>
    <mergeCell ref="H57:H59"/>
    <mergeCell ref="A60:A65"/>
    <mergeCell ref="B60:B65"/>
    <mergeCell ref="C60:C62"/>
    <mergeCell ref="D60:D65"/>
    <mergeCell ref="F60:F65"/>
    <mergeCell ref="G60:G62"/>
    <mergeCell ref="A48:A53"/>
    <mergeCell ref="B48:B53"/>
    <mergeCell ref="C48:C50"/>
    <mergeCell ref="D48:D53"/>
    <mergeCell ref="F48:F53"/>
    <mergeCell ref="G48:G50"/>
    <mergeCell ref="H48:H50"/>
    <mergeCell ref="C51:C53"/>
    <mergeCell ref="G51:G53"/>
    <mergeCell ref="H51:H53"/>
    <mergeCell ref="A42:A47"/>
    <mergeCell ref="B42:B47"/>
    <mergeCell ref="C42:C44"/>
    <mergeCell ref="D42:D47"/>
    <mergeCell ref="F42:F47"/>
    <mergeCell ref="G42:G44"/>
    <mergeCell ref="H42:H44"/>
    <mergeCell ref="C45:C47"/>
    <mergeCell ref="G45:G47"/>
    <mergeCell ref="H45:H47"/>
    <mergeCell ref="A36:A41"/>
    <mergeCell ref="B36:B41"/>
    <mergeCell ref="C36:C38"/>
    <mergeCell ref="D36:D41"/>
    <mergeCell ref="F36:F41"/>
    <mergeCell ref="G36:G38"/>
    <mergeCell ref="H36:H38"/>
    <mergeCell ref="C39:C41"/>
    <mergeCell ref="G39:G41"/>
    <mergeCell ref="H39:H41"/>
    <mergeCell ref="A30:A35"/>
    <mergeCell ref="B30:B35"/>
    <mergeCell ref="C30:C32"/>
    <mergeCell ref="D30:D35"/>
    <mergeCell ref="F30:F35"/>
    <mergeCell ref="G30:G32"/>
    <mergeCell ref="H30:H32"/>
    <mergeCell ref="C33:C35"/>
    <mergeCell ref="G33:G35"/>
    <mergeCell ref="H33:H35"/>
    <mergeCell ref="A24:A29"/>
    <mergeCell ref="B24:B29"/>
    <mergeCell ref="C24:C26"/>
    <mergeCell ref="D24:D29"/>
    <mergeCell ref="F24:F29"/>
    <mergeCell ref="G24:G26"/>
    <mergeCell ref="H24:H26"/>
    <mergeCell ref="C27:C29"/>
    <mergeCell ref="G27:G29"/>
    <mergeCell ref="H27:H29"/>
    <mergeCell ref="H12:H14"/>
    <mergeCell ref="C15:C17"/>
    <mergeCell ref="G15:G17"/>
    <mergeCell ref="H15:H17"/>
    <mergeCell ref="A18:A23"/>
    <mergeCell ref="B18:B23"/>
    <mergeCell ref="C18:C20"/>
    <mergeCell ref="D18:D23"/>
    <mergeCell ref="F18:F23"/>
    <mergeCell ref="G18:G20"/>
    <mergeCell ref="A12:A17"/>
    <mergeCell ref="B12:B17"/>
    <mergeCell ref="C12:C14"/>
    <mergeCell ref="D12:D17"/>
    <mergeCell ref="F12:F17"/>
    <mergeCell ref="G12:G14"/>
    <mergeCell ref="H18:H20"/>
    <mergeCell ref="C21:C23"/>
    <mergeCell ref="G21:G23"/>
    <mergeCell ref="H21:H23"/>
    <mergeCell ref="F6:F11"/>
    <mergeCell ref="G6:G8"/>
    <mergeCell ref="H6:H8"/>
    <mergeCell ref="C9:C11"/>
    <mergeCell ref="G9:G11"/>
    <mergeCell ref="H9:H11"/>
    <mergeCell ref="A4:A5"/>
    <mergeCell ref="B4:B5"/>
    <mergeCell ref="D4:D5"/>
    <mergeCell ref="A6:A11"/>
    <mergeCell ref="B6:B11"/>
    <mergeCell ref="C6:C8"/>
    <mergeCell ref="D6:D11"/>
  </mergeCells>
  <phoneticPr fontId="2"/>
  <pageMargins left="0.70866141732283472" right="0.70866141732283472" top="0.74803149606299213" bottom="0.74803149606299213" header="0.31496062992125984" footer="0.31496062992125984"/>
  <pageSetup paperSize="8" scale="82" orientation="landscape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9">
    <pageSetUpPr fitToPage="1"/>
  </sheetPr>
  <dimension ref="A1:U65"/>
  <sheetViews>
    <sheetView view="pageBreakPreview" zoomScale="80" zoomScaleNormal="100" zoomScaleSheetLayoutView="80" workbookViewId="0">
      <pane xSplit="9" ySplit="5" topLeftCell="M6" activePane="bottomRight" state="frozen"/>
      <selection activeCell="BV18" sqref="BV18"/>
      <selection pane="topRight" activeCell="BV18" sqref="BV18"/>
      <selection pane="bottomLeft" activeCell="BV18" sqref="BV18"/>
      <selection pane="bottomRight" activeCell="F36" sqref="F36:F41"/>
    </sheetView>
  </sheetViews>
  <sheetFormatPr defaultRowHeight="15" customHeight="1"/>
  <cols>
    <col min="1" max="1" width="5.25" style="2" bestFit="1" customWidth="1"/>
    <col min="2" max="2" width="13.75" style="2" customWidth="1"/>
    <col min="3" max="3" width="5.25" style="2" bestFit="1" customWidth="1"/>
    <col min="4" max="4" width="8" style="2" bestFit="1" customWidth="1"/>
    <col min="5" max="5" width="12.5" style="2" customWidth="1"/>
    <col min="6" max="6" width="7.375" style="3" bestFit="1" customWidth="1"/>
    <col min="7" max="8" width="8" style="3" bestFit="1" customWidth="1"/>
    <col min="9" max="9" width="9.625" style="2" bestFit="1" customWidth="1"/>
    <col min="10" max="17" width="9.25" style="2" bestFit="1" customWidth="1"/>
    <col min="18" max="16384" width="9" style="2"/>
  </cols>
  <sheetData>
    <row r="1" spans="1:21" ht="22.5" customHeight="1"/>
    <row r="2" spans="1:21" ht="22.5" customHeight="1">
      <c r="A2" s="1" t="s">
        <v>22</v>
      </c>
    </row>
    <row r="3" spans="1:21" ht="15" customHeight="1" thickBot="1"/>
    <row r="4" spans="1:21" s="9" customFormat="1" ht="15" customHeight="1">
      <c r="A4" s="38" t="s">
        <v>13</v>
      </c>
      <c r="B4" s="40" t="s">
        <v>3</v>
      </c>
      <c r="C4" s="4" t="s">
        <v>0</v>
      </c>
      <c r="D4" s="40" t="s">
        <v>14</v>
      </c>
      <c r="E4" s="4" t="s">
        <v>15</v>
      </c>
      <c r="F4" s="5" t="s">
        <v>4</v>
      </c>
      <c r="G4" s="5" t="s">
        <v>2</v>
      </c>
      <c r="H4" s="6" t="s">
        <v>2</v>
      </c>
      <c r="I4" s="7" t="s">
        <v>16</v>
      </c>
      <c r="J4" s="8"/>
      <c r="K4" s="8"/>
      <c r="L4" s="8"/>
      <c r="M4" s="8"/>
      <c r="N4" s="8"/>
      <c r="O4" s="8"/>
      <c r="P4" s="8"/>
      <c r="Q4" s="8"/>
      <c r="R4" s="8"/>
      <c r="S4" s="8"/>
      <c r="T4" s="8"/>
      <c r="U4" s="8"/>
    </row>
    <row r="5" spans="1:21" s="15" customFormat="1" ht="15" customHeight="1" thickBot="1">
      <c r="A5" s="39"/>
      <c r="B5" s="35"/>
      <c r="C5" s="10" t="s">
        <v>1</v>
      </c>
      <c r="D5" s="35"/>
      <c r="E5" s="10" t="s">
        <v>17</v>
      </c>
      <c r="F5" s="11" t="s">
        <v>18</v>
      </c>
      <c r="G5" s="11" t="s">
        <v>19</v>
      </c>
      <c r="H5" s="12" t="s">
        <v>19</v>
      </c>
      <c r="I5" s="13" t="s">
        <v>20</v>
      </c>
      <c r="J5" s="14"/>
      <c r="K5" s="14"/>
      <c r="L5" s="14"/>
      <c r="M5" s="14"/>
      <c r="N5" s="14"/>
      <c r="O5" s="14"/>
      <c r="P5" s="14"/>
      <c r="Q5" s="14"/>
      <c r="R5" s="14"/>
      <c r="S5" s="14"/>
      <c r="T5" s="14"/>
      <c r="U5" s="14"/>
    </row>
    <row r="6" spans="1:21" s="9" customFormat="1" ht="15" customHeight="1">
      <c r="A6" s="41">
        <v>1</v>
      </c>
      <c r="B6" s="44"/>
      <c r="C6" s="40"/>
      <c r="D6" s="44"/>
      <c r="E6" s="4"/>
      <c r="F6" s="25"/>
      <c r="G6" s="28"/>
      <c r="H6" s="31"/>
      <c r="I6" s="16" t="s">
        <v>9</v>
      </c>
    </row>
    <row r="7" spans="1:21" s="19" customFormat="1" ht="15" customHeight="1">
      <c r="A7" s="42"/>
      <c r="B7" s="45"/>
      <c r="C7" s="34"/>
      <c r="D7" s="45"/>
      <c r="E7" s="17"/>
      <c r="F7" s="26"/>
      <c r="G7" s="29"/>
      <c r="H7" s="32"/>
      <c r="I7" s="18" t="s">
        <v>6</v>
      </c>
    </row>
    <row r="8" spans="1:21" s="19" customFormat="1" ht="15" customHeight="1">
      <c r="A8" s="42"/>
      <c r="B8" s="45"/>
      <c r="C8" s="47"/>
      <c r="D8" s="45"/>
      <c r="E8" s="17"/>
      <c r="F8" s="26"/>
      <c r="G8" s="30"/>
      <c r="H8" s="33"/>
      <c r="I8" s="20" t="s">
        <v>21</v>
      </c>
    </row>
    <row r="9" spans="1:21" s="21" customFormat="1" ht="15" customHeight="1">
      <c r="A9" s="42"/>
      <c r="B9" s="45"/>
      <c r="C9" s="34"/>
      <c r="D9" s="45"/>
      <c r="E9" s="17"/>
      <c r="F9" s="26"/>
      <c r="G9" s="29"/>
      <c r="H9" s="32"/>
      <c r="I9" s="20" t="s">
        <v>7</v>
      </c>
    </row>
    <row r="10" spans="1:21" s="21" customFormat="1" ht="15" customHeight="1">
      <c r="A10" s="42"/>
      <c r="B10" s="45"/>
      <c r="C10" s="34"/>
      <c r="D10" s="45"/>
      <c r="E10" s="17"/>
      <c r="F10" s="26"/>
      <c r="G10" s="29"/>
      <c r="H10" s="32"/>
      <c r="I10" s="20" t="s">
        <v>8</v>
      </c>
    </row>
    <row r="11" spans="1:21" s="24" customFormat="1" ht="15" customHeight="1" thickBot="1">
      <c r="A11" s="43"/>
      <c r="B11" s="46"/>
      <c r="C11" s="35"/>
      <c r="D11" s="46"/>
      <c r="E11" s="22"/>
      <c r="F11" s="27"/>
      <c r="G11" s="36"/>
      <c r="H11" s="37"/>
      <c r="I11" s="23" t="s">
        <v>5</v>
      </c>
    </row>
    <row r="12" spans="1:21" s="9" customFormat="1" ht="15" customHeight="1">
      <c r="A12" s="41">
        <v>2</v>
      </c>
      <c r="B12" s="44"/>
      <c r="C12" s="40"/>
      <c r="D12" s="44"/>
      <c r="E12" s="4"/>
      <c r="F12" s="25"/>
      <c r="G12" s="28"/>
      <c r="H12" s="31"/>
      <c r="I12" s="16" t="s">
        <v>9</v>
      </c>
    </row>
    <row r="13" spans="1:21" s="19" customFormat="1" ht="15" customHeight="1">
      <c r="A13" s="42"/>
      <c r="B13" s="45"/>
      <c r="C13" s="34"/>
      <c r="D13" s="45"/>
      <c r="E13" s="17"/>
      <c r="F13" s="26"/>
      <c r="G13" s="29"/>
      <c r="H13" s="32"/>
      <c r="I13" s="18" t="s">
        <v>6</v>
      </c>
    </row>
    <row r="14" spans="1:21" s="19" customFormat="1" ht="15" customHeight="1">
      <c r="A14" s="42"/>
      <c r="B14" s="45"/>
      <c r="C14" s="47"/>
      <c r="D14" s="45"/>
      <c r="E14" s="17"/>
      <c r="F14" s="26"/>
      <c r="G14" s="30"/>
      <c r="H14" s="33"/>
      <c r="I14" s="20" t="s">
        <v>21</v>
      </c>
    </row>
    <row r="15" spans="1:21" s="21" customFormat="1" ht="15" customHeight="1">
      <c r="A15" s="42"/>
      <c r="B15" s="45"/>
      <c r="C15" s="34"/>
      <c r="D15" s="45"/>
      <c r="E15" s="17"/>
      <c r="F15" s="26"/>
      <c r="G15" s="29"/>
      <c r="H15" s="32"/>
      <c r="I15" s="20" t="s">
        <v>7</v>
      </c>
    </row>
    <row r="16" spans="1:21" s="21" customFormat="1" ht="15" customHeight="1">
      <c r="A16" s="42"/>
      <c r="B16" s="45"/>
      <c r="C16" s="34"/>
      <c r="D16" s="45"/>
      <c r="E16" s="17"/>
      <c r="F16" s="26"/>
      <c r="G16" s="29"/>
      <c r="H16" s="32"/>
      <c r="I16" s="20" t="s">
        <v>8</v>
      </c>
    </row>
    <row r="17" spans="1:9" s="24" customFormat="1" ht="15" customHeight="1" thickBot="1">
      <c r="A17" s="43"/>
      <c r="B17" s="46"/>
      <c r="C17" s="35"/>
      <c r="D17" s="46"/>
      <c r="E17" s="22"/>
      <c r="F17" s="27"/>
      <c r="G17" s="36"/>
      <c r="H17" s="37"/>
      <c r="I17" s="23" t="s">
        <v>5</v>
      </c>
    </row>
    <row r="18" spans="1:9" s="9" customFormat="1" ht="15" customHeight="1">
      <c r="A18" s="41">
        <v>3</v>
      </c>
      <c r="B18" s="44"/>
      <c r="C18" s="40"/>
      <c r="D18" s="44"/>
      <c r="E18" s="4"/>
      <c r="F18" s="25"/>
      <c r="G18" s="28"/>
      <c r="H18" s="31"/>
      <c r="I18" s="16" t="s">
        <v>9</v>
      </c>
    </row>
    <row r="19" spans="1:9" s="19" customFormat="1" ht="15" customHeight="1">
      <c r="A19" s="42"/>
      <c r="B19" s="45"/>
      <c r="C19" s="34"/>
      <c r="D19" s="45"/>
      <c r="E19" s="17"/>
      <c r="F19" s="26"/>
      <c r="G19" s="29"/>
      <c r="H19" s="32"/>
      <c r="I19" s="18" t="s">
        <v>6</v>
      </c>
    </row>
    <row r="20" spans="1:9" s="19" customFormat="1" ht="15" customHeight="1">
      <c r="A20" s="42"/>
      <c r="B20" s="45"/>
      <c r="C20" s="47"/>
      <c r="D20" s="45"/>
      <c r="E20" s="17"/>
      <c r="F20" s="26"/>
      <c r="G20" s="30"/>
      <c r="H20" s="33"/>
      <c r="I20" s="20" t="s">
        <v>21</v>
      </c>
    </row>
    <row r="21" spans="1:9" s="21" customFormat="1" ht="15" customHeight="1">
      <c r="A21" s="42"/>
      <c r="B21" s="45"/>
      <c r="C21" s="34"/>
      <c r="D21" s="45"/>
      <c r="E21" s="17"/>
      <c r="F21" s="26"/>
      <c r="G21" s="29"/>
      <c r="H21" s="32"/>
      <c r="I21" s="20" t="s">
        <v>7</v>
      </c>
    </row>
    <row r="22" spans="1:9" s="21" customFormat="1" ht="15" customHeight="1">
      <c r="A22" s="42"/>
      <c r="B22" s="45"/>
      <c r="C22" s="34"/>
      <c r="D22" s="45"/>
      <c r="E22" s="17"/>
      <c r="F22" s="26"/>
      <c r="G22" s="29"/>
      <c r="H22" s="32"/>
      <c r="I22" s="20" t="s">
        <v>8</v>
      </c>
    </row>
    <row r="23" spans="1:9" s="24" customFormat="1" ht="15" customHeight="1" thickBot="1">
      <c r="A23" s="43"/>
      <c r="B23" s="46"/>
      <c r="C23" s="35"/>
      <c r="D23" s="46"/>
      <c r="E23" s="22"/>
      <c r="F23" s="27"/>
      <c r="G23" s="36"/>
      <c r="H23" s="37"/>
      <c r="I23" s="23" t="s">
        <v>5</v>
      </c>
    </row>
    <row r="24" spans="1:9" s="9" customFormat="1" ht="15" customHeight="1">
      <c r="A24" s="41">
        <v>4</v>
      </c>
      <c r="B24" s="44"/>
      <c r="C24" s="40"/>
      <c r="D24" s="44"/>
      <c r="E24" s="4"/>
      <c r="F24" s="25"/>
      <c r="G24" s="28"/>
      <c r="H24" s="31"/>
      <c r="I24" s="16" t="s">
        <v>9</v>
      </c>
    </row>
    <row r="25" spans="1:9" s="19" customFormat="1" ht="15" customHeight="1">
      <c r="A25" s="42"/>
      <c r="B25" s="45"/>
      <c r="C25" s="34"/>
      <c r="D25" s="45"/>
      <c r="E25" s="17"/>
      <c r="F25" s="26"/>
      <c r="G25" s="29"/>
      <c r="H25" s="32"/>
      <c r="I25" s="18" t="s">
        <v>6</v>
      </c>
    </row>
    <row r="26" spans="1:9" s="19" customFormat="1" ht="15" customHeight="1">
      <c r="A26" s="42"/>
      <c r="B26" s="45"/>
      <c r="C26" s="47"/>
      <c r="D26" s="45"/>
      <c r="E26" s="17"/>
      <c r="F26" s="26"/>
      <c r="G26" s="30"/>
      <c r="H26" s="33"/>
      <c r="I26" s="20" t="s">
        <v>21</v>
      </c>
    </row>
    <row r="27" spans="1:9" s="21" customFormat="1" ht="15" customHeight="1">
      <c r="A27" s="42"/>
      <c r="B27" s="45"/>
      <c r="C27" s="34"/>
      <c r="D27" s="45"/>
      <c r="E27" s="17"/>
      <c r="F27" s="26"/>
      <c r="G27" s="29"/>
      <c r="H27" s="32"/>
      <c r="I27" s="20" t="s">
        <v>7</v>
      </c>
    </row>
    <row r="28" spans="1:9" s="21" customFormat="1" ht="15" customHeight="1">
      <c r="A28" s="42"/>
      <c r="B28" s="45"/>
      <c r="C28" s="34"/>
      <c r="D28" s="45"/>
      <c r="E28" s="17"/>
      <c r="F28" s="26"/>
      <c r="G28" s="29"/>
      <c r="H28" s="32"/>
      <c r="I28" s="20" t="s">
        <v>8</v>
      </c>
    </row>
    <row r="29" spans="1:9" s="24" customFormat="1" ht="15" customHeight="1" thickBot="1">
      <c r="A29" s="43"/>
      <c r="B29" s="46"/>
      <c r="C29" s="35"/>
      <c r="D29" s="46"/>
      <c r="E29" s="22"/>
      <c r="F29" s="27"/>
      <c r="G29" s="36"/>
      <c r="H29" s="37"/>
      <c r="I29" s="23" t="s">
        <v>5</v>
      </c>
    </row>
    <row r="30" spans="1:9" s="9" customFormat="1" ht="15" customHeight="1">
      <c r="A30" s="41">
        <v>5</v>
      </c>
      <c r="B30" s="44"/>
      <c r="C30" s="40"/>
      <c r="D30" s="44"/>
      <c r="E30" s="4"/>
      <c r="F30" s="25"/>
      <c r="G30" s="28"/>
      <c r="H30" s="31"/>
      <c r="I30" s="16" t="s">
        <v>9</v>
      </c>
    </row>
    <row r="31" spans="1:9" s="19" customFormat="1" ht="15" customHeight="1">
      <c r="A31" s="42"/>
      <c r="B31" s="45"/>
      <c r="C31" s="34"/>
      <c r="D31" s="45"/>
      <c r="E31" s="17"/>
      <c r="F31" s="26"/>
      <c r="G31" s="29"/>
      <c r="H31" s="32"/>
      <c r="I31" s="18" t="s">
        <v>6</v>
      </c>
    </row>
    <row r="32" spans="1:9" s="19" customFormat="1" ht="15" customHeight="1">
      <c r="A32" s="42"/>
      <c r="B32" s="45"/>
      <c r="C32" s="47"/>
      <c r="D32" s="45"/>
      <c r="E32" s="17"/>
      <c r="F32" s="26"/>
      <c r="G32" s="30"/>
      <c r="H32" s="33"/>
      <c r="I32" s="20" t="s">
        <v>21</v>
      </c>
    </row>
    <row r="33" spans="1:9" s="21" customFormat="1" ht="15" customHeight="1">
      <c r="A33" s="42"/>
      <c r="B33" s="45"/>
      <c r="C33" s="34"/>
      <c r="D33" s="45"/>
      <c r="E33" s="17"/>
      <c r="F33" s="26"/>
      <c r="G33" s="29"/>
      <c r="H33" s="32"/>
      <c r="I33" s="20" t="s">
        <v>7</v>
      </c>
    </row>
    <row r="34" spans="1:9" s="21" customFormat="1" ht="15" customHeight="1">
      <c r="A34" s="42"/>
      <c r="B34" s="45"/>
      <c r="C34" s="34"/>
      <c r="D34" s="45"/>
      <c r="E34" s="17"/>
      <c r="F34" s="26"/>
      <c r="G34" s="29"/>
      <c r="H34" s="32"/>
      <c r="I34" s="20" t="s">
        <v>8</v>
      </c>
    </row>
    <row r="35" spans="1:9" s="24" customFormat="1" ht="15" customHeight="1" thickBot="1">
      <c r="A35" s="43"/>
      <c r="B35" s="46"/>
      <c r="C35" s="35"/>
      <c r="D35" s="46"/>
      <c r="E35" s="22"/>
      <c r="F35" s="27"/>
      <c r="G35" s="36"/>
      <c r="H35" s="37"/>
      <c r="I35" s="23" t="s">
        <v>5</v>
      </c>
    </row>
    <row r="36" spans="1:9" s="9" customFormat="1" ht="15" customHeight="1">
      <c r="A36" s="41">
        <v>6</v>
      </c>
      <c r="B36" s="44"/>
      <c r="C36" s="40"/>
      <c r="D36" s="44"/>
      <c r="E36" s="4"/>
      <c r="F36" s="25"/>
      <c r="G36" s="28"/>
      <c r="H36" s="31"/>
      <c r="I36" s="16" t="s">
        <v>9</v>
      </c>
    </row>
    <row r="37" spans="1:9" s="19" customFormat="1" ht="15" customHeight="1">
      <c r="A37" s="42"/>
      <c r="B37" s="45"/>
      <c r="C37" s="34"/>
      <c r="D37" s="45"/>
      <c r="E37" s="17"/>
      <c r="F37" s="26"/>
      <c r="G37" s="29"/>
      <c r="H37" s="32"/>
      <c r="I37" s="18" t="s">
        <v>6</v>
      </c>
    </row>
    <row r="38" spans="1:9" s="19" customFormat="1" ht="15" customHeight="1">
      <c r="A38" s="42"/>
      <c r="B38" s="45"/>
      <c r="C38" s="47"/>
      <c r="D38" s="45"/>
      <c r="E38" s="17"/>
      <c r="F38" s="26"/>
      <c r="G38" s="30"/>
      <c r="H38" s="33"/>
      <c r="I38" s="20" t="s">
        <v>21</v>
      </c>
    </row>
    <row r="39" spans="1:9" s="21" customFormat="1" ht="15" customHeight="1">
      <c r="A39" s="42"/>
      <c r="B39" s="45"/>
      <c r="C39" s="34"/>
      <c r="D39" s="45"/>
      <c r="E39" s="17"/>
      <c r="F39" s="26"/>
      <c r="G39" s="29"/>
      <c r="H39" s="32"/>
      <c r="I39" s="20" t="s">
        <v>7</v>
      </c>
    </row>
    <row r="40" spans="1:9" s="21" customFormat="1" ht="15" customHeight="1">
      <c r="A40" s="42"/>
      <c r="B40" s="45"/>
      <c r="C40" s="34"/>
      <c r="D40" s="45"/>
      <c r="E40" s="17"/>
      <c r="F40" s="26"/>
      <c r="G40" s="29"/>
      <c r="H40" s="32"/>
      <c r="I40" s="20" t="s">
        <v>8</v>
      </c>
    </row>
    <row r="41" spans="1:9" s="24" customFormat="1" ht="15" customHeight="1" thickBot="1">
      <c r="A41" s="43"/>
      <c r="B41" s="46"/>
      <c r="C41" s="35"/>
      <c r="D41" s="46"/>
      <c r="E41" s="22"/>
      <c r="F41" s="27"/>
      <c r="G41" s="36"/>
      <c r="H41" s="37"/>
      <c r="I41" s="23" t="s">
        <v>5</v>
      </c>
    </row>
    <row r="42" spans="1:9" s="9" customFormat="1" ht="15" customHeight="1">
      <c r="A42" s="41">
        <v>7</v>
      </c>
      <c r="B42" s="44"/>
      <c r="C42" s="40"/>
      <c r="D42" s="44"/>
      <c r="E42" s="4"/>
      <c r="F42" s="25"/>
      <c r="G42" s="28"/>
      <c r="H42" s="31"/>
      <c r="I42" s="16" t="s">
        <v>9</v>
      </c>
    </row>
    <row r="43" spans="1:9" s="19" customFormat="1" ht="15" customHeight="1">
      <c r="A43" s="42"/>
      <c r="B43" s="45"/>
      <c r="C43" s="34"/>
      <c r="D43" s="45"/>
      <c r="E43" s="17"/>
      <c r="F43" s="26"/>
      <c r="G43" s="29"/>
      <c r="H43" s="32"/>
      <c r="I43" s="18" t="s">
        <v>6</v>
      </c>
    </row>
    <row r="44" spans="1:9" s="19" customFormat="1" ht="15" customHeight="1">
      <c r="A44" s="42"/>
      <c r="B44" s="45"/>
      <c r="C44" s="47"/>
      <c r="D44" s="45"/>
      <c r="E44" s="17"/>
      <c r="F44" s="26"/>
      <c r="G44" s="30"/>
      <c r="H44" s="33"/>
      <c r="I44" s="20" t="s">
        <v>21</v>
      </c>
    </row>
    <row r="45" spans="1:9" s="21" customFormat="1" ht="15" customHeight="1">
      <c r="A45" s="42"/>
      <c r="B45" s="45"/>
      <c r="C45" s="34"/>
      <c r="D45" s="45"/>
      <c r="E45" s="17"/>
      <c r="F45" s="26"/>
      <c r="G45" s="29"/>
      <c r="H45" s="32"/>
      <c r="I45" s="20" t="s">
        <v>7</v>
      </c>
    </row>
    <row r="46" spans="1:9" s="21" customFormat="1" ht="15" customHeight="1">
      <c r="A46" s="42"/>
      <c r="B46" s="45"/>
      <c r="C46" s="34"/>
      <c r="D46" s="45"/>
      <c r="E46" s="17"/>
      <c r="F46" s="26"/>
      <c r="G46" s="29"/>
      <c r="H46" s="32"/>
      <c r="I46" s="20" t="s">
        <v>8</v>
      </c>
    </row>
    <row r="47" spans="1:9" s="24" customFormat="1" ht="15" customHeight="1" thickBot="1">
      <c r="A47" s="43"/>
      <c r="B47" s="46"/>
      <c r="C47" s="35"/>
      <c r="D47" s="46"/>
      <c r="E47" s="22"/>
      <c r="F47" s="27"/>
      <c r="G47" s="36"/>
      <c r="H47" s="37"/>
      <c r="I47" s="23" t="s">
        <v>5</v>
      </c>
    </row>
    <row r="48" spans="1:9" s="9" customFormat="1" ht="15" customHeight="1">
      <c r="A48" s="41">
        <v>8</v>
      </c>
      <c r="B48" s="44"/>
      <c r="C48" s="40"/>
      <c r="D48" s="44"/>
      <c r="E48" s="4"/>
      <c r="F48" s="25"/>
      <c r="G48" s="28"/>
      <c r="H48" s="31"/>
      <c r="I48" s="16" t="s">
        <v>9</v>
      </c>
    </row>
    <row r="49" spans="1:9" s="19" customFormat="1" ht="15" customHeight="1">
      <c r="A49" s="42"/>
      <c r="B49" s="45"/>
      <c r="C49" s="34"/>
      <c r="D49" s="45"/>
      <c r="E49" s="17"/>
      <c r="F49" s="26"/>
      <c r="G49" s="29"/>
      <c r="H49" s="32"/>
      <c r="I49" s="18" t="s">
        <v>6</v>
      </c>
    </row>
    <row r="50" spans="1:9" s="19" customFormat="1" ht="15" customHeight="1">
      <c r="A50" s="42"/>
      <c r="B50" s="45"/>
      <c r="C50" s="47"/>
      <c r="D50" s="45"/>
      <c r="E50" s="17"/>
      <c r="F50" s="26"/>
      <c r="G50" s="30"/>
      <c r="H50" s="33"/>
      <c r="I50" s="20" t="s">
        <v>21</v>
      </c>
    </row>
    <row r="51" spans="1:9" s="21" customFormat="1" ht="15" customHeight="1">
      <c r="A51" s="42"/>
      <c r="B51" s="45"/>
      <c r="C51" s="34"/>
      <c r="D51" s="45"/>
      <c r="E51" s="17"/>
      <c r="F51" s="26"/>
      <c r="G51" s="29"/>
      <c r="H51" s="32"/>
      <c r="I51" s="20" t="s">
        <v>7</v>
      </c>
    </row>
    <row r="52" spans="1:9" s="21" customFormat="1" ht="15" customHeight="1">
      <c r="A52" s="42"/>
      <c r="B52" s="45"/>
      <c r="C52" s="34"/>
      <c r="D52" s="45"/>
      <c r="E52" s="17"/>
      <c r="F52" s="26"/>
      <c r="G52" s="29"/>
      <c r="H52" s="32"/>
      <c r="I52" s="20" t="s">
        <v>8</v>
      </c>
    </row>
    <row r="53" spans="1:9" s="24" customFormat="1" ht="15" customHeight="1" thickBot="1">
      <c r="A53" s="43"/>
      <c r="B53" s="46"/>
      <c r="C53" s="35"/>
      <c r="D53" s="46"/>
      <c r="E53" s="22"/>
      <c r="F53" s="27"/>
      <c r="G53" s="36"/>
      <c r="H53" s="37"/>
      <c r="I53" s="23" t="s">
        <v>5</v>
      </c>
    </row>
    <row r="54" spans="1:9" s="9" customFormat="1" ht="15" customHeight="1">
      <c r="A54" s="41">
        <v>9</v>
      </c>
      <c r="B54" s="44"/>
      <c r="C54" s="40"/>
      <c r="D54" s="44"/>
      <c r="E54" s="4"/>
      <c r="F54" s="25"/>
      <c r="G54" s="28"/>
      <c r="H54" s="31"/>
      <c r="I54" s="16" t="s">
        <v>9</v>
      </c>
    </row>
    <row r="55" spans="1:9" s="19" customFormat="1" ht="15" customHeight="1">
      <c r="A55" s="42"/>
      <c r="B55" s="45"/>
      <c r="C55" s="34"/>
      <c r="D55" s="45"/>
      <c r="E55" s="17"/>
      <c r="F55" s="26"/>
      <c r="G55" s="29"/>
      <c r="H55" s="32"/>
      <c r="I55" s="18" t="s">
        <v>6</v>
      </c>
    </row>
    <row r="56" spans="1:9" s="19" customFormat="1" ht="15" customHeight="1">
      <c r="A56" s="42"/>
      <c r="B56" s="45"/>
      <c r="C56" s="47"/>
      <c r="D56" s="45"/>
      <c r="E56" s="17"/>
      <c r="F56" s="26"/>
      <c r="G56" s="30"/>
      <c r="H56" s="33"/>
      <c r="I56" s="20" t="s">
        <v>21</v>
      </c>
    </row>
    <row r="57" spans="1:9" s="21" customFormat="1" ht="15" customHeight="1">
      <c r="A57" s="42"/>
      <c r="B57" s="45"/>
      <c r="C57" s="34"/>
      <c r="D57" s="45"/>
      <c r="E57" s="17"/>
      <c r="F57" s="26"/>
      <c r="G57" s="29"/>
      <c r="H57" s="32"/>
      <c r="I57" s="20" t="s">
        <v>7</v>
      </c>
    </row>
    <row r="58" spans="1:9" s="21" customFormat="1" ht="15" customHeight="1">
      <c r="A58" s="42"/>
      <c r="B58" s="45"/>
      <c r="C58" s="34"/>
      <c r="D58" s="45"/>
      <c r="E58" s="17"/>
      <c r="F58" s="26"/>
      <c r="G58" s="29"/>
      <c r="H58" s="32"/>
      <c r="I58" s="20" t="s">
        <v>8</v>
      </c>
    </row>
    <row r="59" spans="1:9" s="24" customFormat="1" ht="15" customHeight="1" thickBot="1">
      <c r="A59" s="43"/>
      <c r="B59" s="46"/>
      <c r="C59" s="35"/>
      <c r="D59" s="46"/>
      <c r="E59" s="22"/>
      <c r="F59" s="27"/>
      <c r="G59" s="36"/>
      <c r="H59" s="37"/>
      <c r="I59" s="23" t="s">
        <v>5</v>
      </c>
    </row>
    <row r="60" spans="1:9" s="9" customFormat="1" ht="15" customHeight="1">
      <c r="A60" s="41">
        <v>10</v>
      </c>
      <c r="B60" s="44"/>
      <c r="C60" s="40"/>
      <c r="D60" s="44"/>
      <c r="E60" s="4"/>
      <c r="F60" s="25"/>
      <c r="G60" s="28"/>
      <c r="H60" s="31"/>
      <c r="I60" s="16" t="s">
        <v>9</v>
      </c>
    </row>
    <row r="61" spans="1:9" s="19" customFormat="1" ht="15" customHeight="1">
      <c r="A61" s="42"/>
      <c r="B61" s="45"/>
      <c r="C61" s="34"/>
      <c r="D61" s="45"/>
      <c r="E61" s="17"/>
      <c r="F61" s="26"/>
      <c r="G61" s="29"/>
      <c r="H61" s="32"/>
      <c r="I61" s="18" t="s">
        <v>6</v>
      </c>
    </row>
    <row r="62" spans="1:9" s="19" customFormat="1" ht="15" customHeight="1">
      <c r="A62" s="42"/>
      <c r="B62" s="45"/>
      <c r="C62" s="47"/>
      <c r="D62" s="45"/>
      <c r="E62" s="17"/>
      <c r="F62" s="26"/>
      <c r="G62" s="30"/>
      <c r="H62" s="33"/>
      <c r="I62" s="20" t="s">
        <v>21</v>
      </c>
    </row>
    <row r="63" spans="1:9" s="21" customFormat="1" ht="15" customHeight="1">
      <c r="A63" s="42"/>
      <c r="B63" s="45"/>
      <c r="C63" s="34"/>
      <c r="D63" s="45"/>
      <c r="E63" s="17"/>
      <c r="F63" s="26"/>
      <c r="G63" s="29"/>
      <c r="H63" s="32"/>
      <c r="I63" s="20" t="s">
        <v>7</v>
      </c>
    </row>
    <row r="64" spans="1:9" s="21" customFormat="1" ht="15" customHeight="1">
      <c r="A64" s="42"/>
      <c r="B64" s="45"/>
      <c r="C64" s="34"/>
      <c r="D64" s="45"/>
      <c r="E64" s="17"/>
      <c r="F64" s="26"/>
      <c r="G64" s="29"/>
      <c r="H64" s="32"/>
      <c r="I64" s="20" t="s">
        <v>8</v>
      </c>
    </row>
    <row r="65" spans="1:9" s="24" customFormat="1" ht="15" customHeight="1" thickBot="1">
      <c r="A65" s="43"/>
      <c r="B65" s="46"/>
      <c r="C65" s="35"/>
      <c r="D65" s="46"/>
      <c r="E65" s="22"/>
      <c r="F65" s="27"/>
      <c r="G65" s="36"/>
      <c r="H65" s="37"/>
      <c r="I65" s="23" t="s">
        <v>5</v>
      </c>
    </row>
  </sheetData>
  <mergeCells count="103">
    <mergeCell ref="A54:A59"/>
    <mergeCell ref="B54:B59"/>
    <mergeCell ref="C54:C56"/>
    <mergeCell ref="D54:D59"/>
    <mergeCell ref="F54:F59"/>
    <mergeCell ref="G54:G56"/>
    <mergeCell ref="H60:H62"/>
    <mergeCell ref="C63:C65"/>
    <mergeCell ref="G63:G65"/>
    <mergeCell ref="H63:H65"/>
    <mergeCell ref="H54:H56"/>
    <mergeCell ref="C57:C59"/>
    <mergeCell ref="G57:G59"/>
    <mergeCell ref="H57:H59"/>
    <mergeCell ref="A60:A65"/>
    <mergeCell ref="B60:B65"/>
    <mergeCell ref="C60:C62"/>
    <mergeCell ref="D60:D65"/>
    <mergeCell ref="F60:F65"/>
    <mergeCell ref="G60:G62"/>
    <mergeCell ref="A48:A53"/>
    <mergeCell ref="B48:B53"/>
    <mergeCell ref="C48:C50"/>
    <mergeCell ref="D48:D53"/>
    <mergeCell ref="F48:F53"/>
    <mergeCell ref="G48:G50"/>
    <mergeCell ref="H48:H50"/>
    <mergeCell ref="C51:C53"/>
    <mergeCell ref="G51:G53"/>
    <mergeCell ref="H51:H53"/>
    <mergeCell ref="A42:A47"/>
    <mergeCell ref="B42:B47"/>
    <mergeCell ref="C42:C44"/>
    <mergeCell ref="D42:D47"/>
    <mergeCell ref="F42:F47"/>
    <mergeCell ref="G42:G44"/>
    <mergeCell ref="H42:H44"/>
    <mergeCell ref="C45:C47"/>
    <mergeCell ref="G45:G47"/>
    <mergeCell ref="H45:H47"/>
    <mergeCell ref="A36:A41"/>
    <mergeCell ref="B36:B41"/>
    <mergeCell ref="C36:C38"/>
    <mergeCell ref="D36:D41"/>
    <mergeCell ref="F36:F41"/>
    <mergeCell ref="G36:G38"/>
    <mergeCell ref="H36:H38"/>
    <mergeCell ref="C39:C41"/>
    <mergeCell ref="G39:G41"/>
    <mergeCell ref="H39:H41"/>
    <mergeCell ref="A30:A35"/>
    <mergeCell ref="B30:B35"/>
    <mergeCell ref="C30:C32"/>
    <mergeCell ref="D30:D35"/>
    <mergeCell ref="F30:F35"/>
    <mergeCell ref="G30:G32"/>
    <mergeCell ref="H30:H32"/>
    <mergeCell ref="C33:C35"/>
    <mergeCell ref="G33:G35"/>
    <mergeCell ref="H33:H35"/>
    <mergeCell ref="A24:A29"/>
    <mergeCell ref="B24:B29"/>
    <mergeCell ref="C24:C26"/>
    <mergeCell ref="D24:D29"/>
    <mergeCell ref="F24:F29"/>
    <mergeCell ref="G24:G26"/>
    <mergeCell ref="H24:H26"/>
    <mergeCell ref="C27:C29"/>
    <mergeCell ref="G27:G29"/>
    <mergeCell ref="H27:H29"/>
    <mergeCell ref="H12:H14"/>
    <mergeCell ref="C15:C17"/>
    <mergeCell ref="G15:G17"/>
    <mergeCell ref="H15:H17"/>
    <mergeCell ref="A18:A23"/>
    <mergeCell ref="B18:B23"/>
    <mergeCell ref="C18:C20"/>
    <mergeCell ref="D18:D23"/>
    <mergeCell ref="F18:F23"/>
    <mergeCell ref="G18:G20"/>
    <mergeCell ref="A12:A17"/>
    <mergeCell ref="B12:B17"/>
    <mergeCell ref="C12:C14"/>
    <mergeCell ref="D12:D17"/>
    <mergeCell ref="F12:F17"/>
    <mergeCell ref="G12:G14"/>
    <mergeCell ref="H18:H20"/>
    <mergeCell ref="C21:C23"/>
    <mergeCell ref="G21:G23"/>
    <mergeCell ref="H21:H23"/>
    <mergeCell ref="F6:F11"/>
    <mergeCell ref="G6:G8"/>
    <mergeCell ref="H6:H8"/>
    <mergeCell ref="C9:C11"/>
    <mergeCell ref="G9:G11"/>
    <mergeCell ref="H9:H11"/>
    <mergeCell ref="A4:A5"/>
    <mergeCell ref="B4:B5"/>
    <mergeCell ref="D4:D5"/>
    <mergeCell ref="A6:A11"/>
    <mergeCell ref="B6:B11"/>
    <mergeCell ref="C6:C8"/>
    <mergeCell ref="D6:D11"/>
  </mergeCells>
  <phoneticPr fontId="2"/>
  <pageMargins left="0.70866141732283472" right="0.70866141732283472" top="0.74803149606299213" bottom="0.74803149606299213" header="0.31496062992125984" footer="0.31496062992125984"/>
  <pageSetup paperSize="8" scale="82" orientation="landscape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参考様式１　感染性胃腸炎</vt:lpstr>
      <vt:lpstr>参考様式２　発熱・呼吸器疾患</vt:lpstr>
      <vt:lpstr>'参考様式１　感染性胃腸炎'!Print_Area</vt:lpstr>
      <vt:lpstr>'参考様式２　発熱・呼吸器疾患'!Print_Area</vt:lpstr>
    </vt:vector>
  </TitlesOfParts>
  <Company>Toshiba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kenki</dc:creator>
  <cp:lastModifiedBy>user</cp:lastModifiedBy>
  <cp:lastPrinted>2018-11-12T05:51:17Z</cp:lastPrinted>
  <dcterms:created xsi:type="dcterms:W3CDTF">2014-10-09T01:46:35Z</dcterms:created>
  <dcterms:modified xsi:type="dcterms:W3CDTF">2025-08-06T06:04:58Z</dcterms:modified>
</cp:coreProperties>
</file>